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2F2F2"/>
    <a:srgbClr val="40404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4" d="100"/>
          <a:sy n="104" d="100"/>
        </p:scale>
        <p:origin x="144" y="22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6917A0-CD25-4BA6-A088-C7BC824285C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BA939D4-6B1E-4C1A-AE60-2C4E5DB453B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2E4F65-B931-4B94-AD0F-FCD23F1563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FED3A2B-ACF1-45E9-959D-97F32BD609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923E49-FBBD-40A2-A468-0E86479DC1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929613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37EEEE-16C2-4906-878B-48BD147F30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86C3452-2F7C-4073-80ED-58F1E925AE2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4845C1-64EA-490C-9DE2-8FD546F6C5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460CDC9-FCCE-4595-8096-5D8954DBA1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0BC06AA-BDCD-4405-A230-E9A1B1897B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80121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201EAC3-6B00-40C1-9A6C-489A6FF6BB6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79424F0-B11A-4794-AFDC-11851B8E087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BA3F98-CCC4-4FD0-92EB-C46492728D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EDD84D-581F-4D9A-9C87-33A12FFBF5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95FC672-584E-47F7-A12C-AC003AC19F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479521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9113A6-ABB9-4E4A-A7D8-FE8E92C5E8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3555AFB-2614-4768-85FC-B394D138695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F3857F7-D7B4-4033-9652-438286CF3A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1AC7E8-DBDE-4E3B-913D-1DA3B7E83E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6754B3E-38F7-431E-9CEB-098D8CB5E8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54543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E5D862-8DE6-413F-8A19-F9EF46F539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6637E1E-9DE3-4714-9E19-FC2FE27B39A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2B1BFA-5905-44E9-9AED-ABCFC3C25D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41F024-FA30-477B-9052-2E05CA3DA2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046A587-14AA-4A31-A72F-BE4F9DB366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3452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2CBBB4-236B-47D7-9C70-785AB7A6E0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B92F07-8258-4685-B89C-59841ED97A4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0BDA73F-8E3B-4EEB-B508-7E7C3B4EF53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69EA8AC-E479-4388-BD7D-3FD3103276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6C677C-970D-49EA-BAE5-3D33C0656F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0937FB9-942D-44F2-896B-93B52015A2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80060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1E418D-299A-4DE3-A27D-B26D9DAFDE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9092E8E-F373-4948-8226-74960F7DD94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C9C64DF-A32C-4CB9-8F46-958201FA720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A7C95AA-84BF-4CC0-BC8F-E97253A8B83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1372045-4A96-4DD2-BE48-B7F4ED2B029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9F4AFFC-41A5-4DFB-AE51-202C74CFC4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5DC0FE2-D132-4F00-B5FA-FEF54999EC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DCB6214-8AC5-4BA1-8F53-1F002F4223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2740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ACF05F-0061-4A5E-B69E-EF126B8C86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6B21C92-FFE0-4993-A008-5B5517B2DE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9D73FB1-A942-4595-905E-40455E44B6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D980008-0A74-488E-A6E7-20C80207A8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64597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45AE3BB-856A-4644-BB85-6318768C71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E22763-C9BD-449A-877C-B378F28DDC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3CD3FE6-57EA-4910-8804-6411EAB558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69535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91072A-9739-4113-B7EA-9407066340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FB1E09-1680-43A3-BD2F-7CBA1DA0FB9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DA930E-A49F-49E5-8BDE-C8DF5183148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DA5049D-3138-4E53-87C0-3DF981BBE0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DCCC054-49C1-4B07-B485-497E368DC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FF93728-715D-44AF-AF59-8E3FCA7AF4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26113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047F87-60CC-4D94-BAC4-F35EB1B55B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9886043-FAC5-4481-A2A4-F7D9CE5DEFC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50C5025-4FD5-4C00-B177-F6B693E952F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2735E04-F657-4C35-9822-459BC74EFF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921061C-D360-4775-934F-629171C694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136633E-4202-4045-8A89-397413383B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07942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CE67D3C-1F15-430F-A32B-A5B55C2559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3A67485-8360-4283-9FC2-BA8D51D4092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7A07523-54EF-4413-AC68-6B2ED0169BD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99C567-F5D7-4812-AD6D-4FD23B798BD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DC0AFE4-4812-406B-801F-3BF2BFE74E4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EE20784-050B-4AA5-AF2A-7FBD000F242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2555D8-79FA-47EE-BCFD-AB05525E619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23572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slideLayout" Target="../slideLayouts/slideLayout7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OTLSHAPE_SL_eccfedfc4af1463ab3bb4742436e2237_BackgroundRectangle">
            <a:extLst>
              <a:ext uri="{FF2B5EF4-FFF2-40B4-BE49-F238E27FC236}">
                <a16:creationId xmlns:a16="http://schemas.microsoft.com/office/drawing/2014/main" id="{07360E59-36C2-4AF6-86F3-28823284637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78223"/>
            <a:ext cx="9118600" cy="107204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2410b523bbb34770b582cc6bab5d76cd_BackgroundRectangle">
            <a:extLst>
              <a:ext uri="{FF2B5EF4-FFF2-40B4-BE49-F238E27FC236}">
                <a16:creationId xmlns:a16="http://schemas.microsoft.com/office/drawing/2014/main" id="{80C409B5-1115-45B4-BDCE-8A7E2D27F54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13773"/>
            <a:ext cx="9118600" cy="1049274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f7f8d8afaaae4894bb1662acf7e65461_BackgroundRectangle">
            <a:extLst>
              <a:ext uri="{FF2B5EF4-FFF2-40B4-BE49-F238E27FC236}">
                <a16:creationId xmlns:a16="http://schemas.microsoft.com/office/drawing/2014/main" id="{9E656DE0-8843-4FE9-B968-3C9ECBC8451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426547"/>
            <a:ext cx="9118600" cy="102649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d5dbcaa0c7be45e786ab18e5b6806361_BackgroundRectangle">
            <a:extLst>
              <a:ext uri="{FF2B5EF4-FFF2-40B4-BE49-F238E27FC236}">
                <a16:creationId xmlns:a16="http://schemas.microsoft.com/office/drawing/2014/main" id="{91885F6F-BE67-46EA-A4BC-5943B4232DB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516545"/>
            <a:ext cx="9118600" cy="1049274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410ABE5-FE75-4696-8EBC-52C52B3D6535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EEF06845-7BB9-4B12-9F8A-07A2B545607C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38" name="OTLSHAPE_TB_00000000000000000000000000000000_ScaleContainer">
            <a:extLst>
              <a:ext uri="{FF2B5EF4-FFF2-40B4-BE49-F238E27FC236}">
                <a16:creationId xmlns:a16="http://schemas.microsoft.com/office/drawing/2014/main" id="{B6F52920-6DF1-40D2-A396-5E6A6E9CC04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30376" y="1594023"/>
            <a:ext cx="79629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eccfedfc4af1463ab3bb4742436e2237_HeaderRectangle">
            <a:extLst>
              <a:ext uri="{FF2B5EF4-FFF2-40B4-BE49-F238E27FC236}">
                <a16:creationId xmlns:a16="http://schemas.microsoft.com/office/drawing/2014/main" id="{FBA30D3D-55FD-4BAF-93D8-3C6964C78D6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178223"/>
            <a:ext cx="1041400" cy="1072049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2410b523bbb34770b582cc6bab5d76cd_HeaderRectangle">
            <a:extLst>
              <a:ext uri="{FF2B5EF4-FFF2-40B4-BE49-F238E27FC236}">
                <a16:creationId xmlns:a16="http://schemas.microsoft.com/office/drawing/2014/main" id="{58E819C2-6AD2-40A3-80E7-22867670E3B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313773"/>
            <a:ext cx="1041400" cy="1049274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f7f8d8afaaae4894bb1662acf7e65461_HeaderRectangle">
            <a:extLst>
              <a:ext uri="{FF2B5EF4-FFF2-40B4-BE49-F238E27FC236}">
                <a16:creationId xmlns:a16="http://schemas.microsoft.com/office/drawing/2014/main" id="{5A720E31-23E2-485A-AE46-3B5DA49A0F5E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426547"/>
            <a:ext cx="1041400" cy="1026499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d5dbcaa0c7be45e786ab18e5b6806361_HeaderRectangle">
            <a:extLst>
              <a:ext uri="{FF2B5EF4-FFF2-40B4-BE49-F238E27FC236}">
                <a16:creationId xmlns:a16="http://schemas.microsoft.com/office/drawing/2014/main" id="{476C184C-A2C1-42CA-85B5-E1B0D087CB4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516545"/>
            <a:ext cx="1041400" cy="1049274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" name="OTLSHAPE_G_00000000000000000000000000000000_ShapeBelow0">
            <a:extLst>
              <a:ext uri="{FF2B5EF4-FFF2-40B4-BE49-F238E27FC236}">
                <a16:creationId xmlns:a16="http://schemas.microsoft.com/office/drawing/2014/main" id="{EE5219BB-E8BB-4FFF-9BB7-B87A8C824CA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558025" y="1975024"/>
            <a:ext cx="0" cy="4590796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1">
            <a:extLst>
              <a:ext uri="{FF2B5EF4-FFF2-40B4-BE49-F238E27FC236}">
                <a16:creationId xmlns:a16="http://schemas.microsoft.com/office/drawing/2014/main" id="{5402D529-AE10-4BB6-9CCF-8FEFA46E71C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882047" y="1975024"/>
            <a:ext cx="0" cy="4590796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2">
            <a:extLst>
              <a:ext uri="{FF2B5EF4-FFF2-40B4-BE49-F238E27FC236}">
                <a16:creationId xmlns:a16="http://schemas.microsoft.com/office/drawing/2014/main" id="{93FDD943-D104-4854-A7FD-0DCA8DA9E91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206069" y="1975024"/>
            <a:ext cx="0" cy="4590796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3">
            <a:extLst>
              <a:ext uri="{FF2B5EF4-FFF2-40B4-BE49-F238E27FC236}">
                <a16:creationId xmlns:a16="http://schemas.microsoft.com/office/drawing/2014/main" id="{B7DCB3A8-B5C2-4F53-A2B5-9D9C65EAB8A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530091" y="1975024"/>
            <a:ext cx="0" cy="4590796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" name="OTLSHAPE_G_00000000000000000000000000000000_ShapeBelow4">
            <a:extLst>
              <a:ext uri="{FF2B5EF4-FFF2-40B4-BE49-F238E27FC236}">
                <a16:creationId xmlns:a16="http://schemas.microsoft.com/office/drawing/2014/main" id="{5C9584CA-391C-4FAF-AFAB-6C11ED56649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857740" y="1975024"/>
            <a:ext cx="0" cy="4590796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7" name="OTLSHAPE_SLT_3580d92d412d47d6b4013adca7a1ed9b_Shape">
            <a:extLst>
              <a:ext uri="{FF2B5EF4-FFF2-40B4-BE49-F238E27FC236}">
                <a16:creationId xmlns:a16="http://schemas.microsoft.com/office/drawing/2014/main" id="{23343840-9F1E-4511-979E-007FF47EA46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781749" y="2229214"/>
            <a:ext cx="5638800" cy="152019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" name="OTLSHAPE_SLT_887a2768fc384b81a7ac976242034cf9_Shape">
            <a:extLst>
              <a:ext uri="{FF2B5EF4-FFF2-40B4-BE49-F238E27FC236}">
                <a16:creationId xmlns:a16="http://schemas.microsoft.com/office/drawing/2014/main" id="{F5289095-6634-4E59-9226-8EB0BC4C271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781749" y="2433726"/>
            <a:ext cx="4254500" cy="152019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SLT_b6863b14cf4b4d9d971d476ca554bf44_Shape">
            <a:extLst>
              <a:ext uri="{FF2B5EF4-FFF2-40B4-BE49-F238E27FC236}">
                <a16:creationId xmlns:a16="http://schemas.microsoft.com/office/drawing/2014/main" id="{3953B95E-C3BC-4BF3-9E4F-C32E68BE7DC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781749" y="2638239"/>
            <a:ext cx="5829300" cy="152019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T_58345a9a5787432d913ca5b4ad97b1c8_Shape">
            <a:extLst>
              <a:ext uri="{FF2B5EF4-FFF2-40B4-BE49-F238E27FC236}">
                <a16:creationId xmlns:a16="http://schemas.microsoft.com/office/drawing/2014/main" id="{3B87D219-B868-4437-BA2D-884263BCF4A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81749" y="2842751"/>
            <a:ext cx="4800600" cy="152019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T_b52a71de9e284a898fb13a5b640a6128_Shape">
            <a:extLst>
              <a:ext uri="{FF2B5EF4-FFF2-40B4-BE49-F238E27FC236}">
                <a16:creationId xmlns:a16="http://schemas.microsoft.com/office/drawing/2014/main" id="{64CB8F46-C2FB-41A9-B220-B1277F95326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781749" y="3047263"/>
            <a:ext cx="5638800" cy="152019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SLT_02a98b4cfdc74c139ac199ecce38da34_Shape">
            <a:extLst>
              <a:ext uri="{FF2B5EF4-FFF2-40B4-BE49-F238E27FC236}">
                <a16:creationId xmlns:a16="http://schemas.microsoft.com/office/drawing/2014/main" id="{579AAFDE-6FF2-46B6-A0B1-3A0086C8A86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81749" y="3353376"/>
            <a:ext cx="5638800" cy="1520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9" name="OTLSHAPE_SLT_f01f0106920b449c9cf4a4c6c97cb574_Shape">
            <a:extLst>
              <a:ext uri="{FF2B5EF4-FFF2-40B4-BE49-F238E27FC236}">
                <a16:creationId xmlns:a16="http://schemas.microsoft.com/office/drawing/2014/main" id="{2379627E-3294-459F-86A5-9C1E593C03E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781749" y="3546500"/>
            <a:ext cx="6007100" cy="1520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SLT_e054025352ee473296d421b355167880_Shape">
            <a:extLst>
              <a:ext uri="{FF2B5EF4-FFF2-40B4-BE49-F238E27FC236}">
                <a16:creationId xmlns:a16="http://schemas.microsoft.com/office/drawing/2014/main" id="{D095A3E5-B404-4E7D-8F27-A3135E01F46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781749" y="3751013"/>
            <a:ext cx="5638800" cy="1520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3" name="OTLSHAPE_SLT_a27df8b19cc84ad2b1f4444e609f8160_Shape">
            <a:extLst>
              <a:ext uri="{FF2B5EF4-FFF2-40B4-BE49-F238E27FC236}">
                <a16:creationId xmlns:a16="http://schemas.microsoft.com/office/drawing/2014/main" id="{A5A8DCEC-9BED-4110-869D-015DE2FDA98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781749" y="3966913"/>
            <a:ext cx="5638800" cy="1520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SLT_af8c10f005964db2b1b6bfec7888bb59_Shape">
            <a:extLst>
              <a:ext uri="{FF2B5EF4-FFF2-40B4-BE49-F238E27FC236}">
                <a16:creationId xmlns:a16="http://schemas.microsoft.com/office/drawing/2014/main" id="{FFC11D78-EB91-4A2D-941A-1A13510853B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81749" y="4171425"/>
            <a:ext cx="5803900" cy="1520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" name="OTLSHAPE_SLT_0816f4b192854ea9ab8bd271b5aff42e_Shape">
            <a:extLst>
              <a:ext uri="{FF2B5EF4-FFF2-40B4-BE49-F238E27FC236}">
                <a16:creationId xmlns:a16="http://schemas.microsoft.com/office/drawing/2014/main" id="{18A1B34A-2B4B-4F3A-B36A-D76293F4804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781749" y="4466149"/>
            <a:ext cx="5638800" cy="152019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" name="OTLSHAPE_SLT_7ae66e633c074d1dba39cc861c34193a_Shape">
            <a:extLst>
              <a:ext uri="{FF2B5EF4-FFF2-40B4-BE49-F238E27FC236}">
                <a16:creationId xmlns:a16="http://schemas.microsoft.com/office/drawing/2014/main" id="{772D8D4E-F909-4DF7-8D95-6DBC12372D0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781749" y="4659274"/>
            <a:ext cx="4953000" cy="152019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SLT_c0cbbdb711314f6f8bc3c74b6c323af9_Shape">
            <a:extLst>
              <a:ext uri="{FF2B5EF4-FFF2-40B4-BE49-F238E27FC236}">
                <a16:creationId xmlns:a16="http://schemas.microsoft.com/office/drawing/2014/main" id="{3AAB7E91-174C-4C5C-8D3B-04A063813D0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781749" y="4852399"/>
            <a:ext cx="5791200" cy="152019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T_5bdc4721d12946b5ae1b09cbd9c56642_Shape">
            <a:extLst>
              <a:ext uri="{FF2B5EF4-FFF2-40B4-BE49-F238E27FC236}">
                <a16:creationId xmlns:a16="http://schemas.microsoft.com/office/drawing/2014/main" id="{1D627F08-542D-4D4C-9122-64C86641240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781749" y="5056911"/>
            <a:ext cx="5829300" cy="152019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5" name="OTLSHAPE_SLT_0801838719bd47cba6b2b4ed8df1e46e_Shape">
            <a:extLst>
              <a:ext uri="{FF2B5EF4-FFF2-40B4-BE49-F238E27FC236}">
                <a16:creationId xmlns:a16="http://schemas.microsoft.com/office/drawing/2014/main" id="{5CE8FF06-4E35-450B-89D8-192A7BFF822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781749" y="5261423"/>
            <a:ext cx="5638800" cy="152019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SLT_ce55cb3af31940ff9b4e7be43f595a48_Shape">
            <a:extLst>
              <a:ext uri="{FF2B5EF4-FFF2-40B4-BE49-F238E27FC236}">
                <a16:creationId xmlns:a16="http://schemas.microsoft.com/office/drawing/2014/main" id="{15E1B341-9BE2-4625-8233-2ECA20F1EAD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781749" y="5556148"/>
            <a:ext cx="5638800" cy="1520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SLT_bf77435a42514a5c90eb613f973a4fc5_Shape">
            <a:extLst>
              <a:ext uri="{FF2B5EF4-FFF2-40B4-BE49-F238E27FC236}">
                <a16:creationId xmlns:a16="http://schemas.microsoft.com/office/drawing/2014/main" id="{39BEFF33-AB75-4F76-8BB7-303B76A9196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781749" y="5760661"/>
            <a:ext cx="5778500" cy="1520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SLT_57e4e667fbbb4eed8dcfee89e033715f_Shape">
            <a:extLst>
              <a:ext uri="{FF2B5EF4-FFF2-40B4-BE49-F238E27FC236}">
                <a16:creationId xmlns:a16="http://schemas.microsoft.com/office/drawing/2014/main" id="{074BB677-86F0-4340-9D1C-EA837D5BA16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775229" y="5976561"/>
            <a:ext cx="4648200" cy="1520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" name="OTLSHAPE_SLT_ab0f9bb0b665401e9884e07547916f50_Shape">
            <a:extLst>
              <a:ext uri="{FF2B5EF4-FFF2-40B4-BE49-F238E27FC236}">
                <a16:creationId xmlns:a16="http://schemas.microsoft.com/office/drawing/2014/main" id="{3DE198E3-6607-43E5-8A19-466B5C9765B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332780" y="6181073"/>
            <a:ext cx="4864100" cy="1520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" name="OTLSHAPE_SLT_8e94557e109347178d8fdf8005731b60_Shape">
            <a:extLst>
              <a:ext uri="{FF2B5EF4-FFF2-40B4-BE49-F238E27FC236}">
                <a16:creationId xmlns:a16="http://schemas.microsoft.com/office/drawing/2014/main" id="{4E142C01-46D4-4C8D-8C02-3C7360235AE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343050" y="6374198"/>
            <a:ext cx="4546600" cy="1520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TB_00000000000000000000000000000000_ElapsedTime">
            <a:extLst>
              <a:ext uri="{FF2B5EF4-FFF2-40B4-BE49-F238E27FC236}">
                <a16:creationId xmlns:a16="http://schemas.microsoft.com/office/drawing/2014/main" id="{7DBAF79E-89D5-47C5-8D54-C6560326976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30376" y="1594023"/>
            <a:ext cx="62992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T_3580d92d412d47d6b4013adca7a1ed9b_ShapePercentage" hidden="1">
            <a:extLst>
              <a:ext uri="{FF2B5EF4-FFF2-40B4-BE49-F238E27FC236}">
                <a16:creationId xmlns:a16="http://schemas.microsoft.com/office/drawing/2014/main" id="{AB89BEA0-7BA6-4E9C-AAAD-0A1FE57CC0F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781749" y="22292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T_887a2768fc384b81a7ac976242034cf9_ShapePercentage" hidden="1">
            <a:extLst>
              <a:ext uri="{FF2B5EF4-FFF2-40B4-BE49-F238E27FC236}">
                <a16:creationId xmlns:a16="http://schemas.microsoft.com/office/drawing/2014/main" id="{9ABA6CAF-5C8A-4ADE-8BBE-D4CD1EA739D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781749" y="243372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T_b6863b14cf4b4d9d971d476ca554bf44_ShapePercentage" hidden="1">
            <a:extLst>
              <a:ext uri="{FF2B5EF4-FFF2-40B4-BE49-F238E27FC236}">
                <a16:creationId xmlns:a16="http://schemas.microsoft.com/office/drawing/2014/main" id="{C6FD7EDC-ED8F-4FCE-B5CC-FBC8B875570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781749" y="263823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SLT_58345a9a5787432d913ca5b4ad97b1c8_ShapePercentage" hidden="1">
            <a:extLst>
              <a:ext uri="{FF2B5EF4-FFF2-40B4-BE49-F238E27FC236}">
                <a16:creationId xmlns:a16="http://schemas.microsoft.com/office/drawing/2014/main" id="{7AC1810E-86B0-4CD5-AD6A-68798F8D4EE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781749" y="284275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T_b52a71de9e284a898fb13a5b640a6128_ShapePercentage" hidden="1">
            <a:extLst>
              <a:ext uri="{FF2B5EF4-FFF2-40B4-BE49-F238E27FC236}">
                <a16:creationId xmlns:a16="http://schemas.microsoft.com/office/drawing/2014/main" id="{E0A3E6F1-259A-4913-9F40-722ACDB1F30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781749" y="304726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SLT_02a98b4cfdc74c139ac199ecce38da34_ShapePercentage" hidden="1">
            <a:extLst>
              <a:ext uri="{FF2B5EF4-FFF2-40B4-BE49-F238E27FC236}">
                <a16:creationId xmlns:a16="http://schemas.microsoft.com/office/drawing/2014/main" id="{ED9E705C-0449-48A4-ADA0-70AD4C66F67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781749" y="335337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SLT_f01f0106920b449c9cf4a4c6c97cb574_ShapePercentage" hidden="1">
            <a:extLst>
              <a:ext uri="{FF2B5EF4-FFF2-40B4-BE49-F238E27FC236}">
                <a16:creationId xmlns:a16="http://schemas.microsoft.com/office/drawing/2014/main" id="{778559BA-71BF-46DE-8A6A-D5B95D1C2795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781749" y="354650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" name="OTLSHAPE_SLT_e054025352ee473296d421b355167880_ShapePercentage" hidden="1">
            <a:extLst>
              <a:ext uri="{FF2B5EF4-FFF2-40B4-BE49-F238E27FC236}">
                <a16:creationId xmlns:a16="http://schemas.microsoft.com/office/drawing/2014/main" id="{FA6F407D-BC0B-4387-9A5C-E2BEEACAF3E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781749" y="375101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a27df8b19cc84ad2b1f4444e609f8160_ShapePercentage" hidden="1">
            <a:extLst>
              <a:ext uri="{FF2B5EF4-FFF2-40B4-BE49-F238E27FC236}">
                <a16:creationId xmlns:a16="http://schemas.microsoft.com/office/drawing/2014/main" id="{0645B696-4B11-4CC3-B0DF-FEF07ED1F69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781749" y="396691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T_af8c10f005964db2b1b6bfec7888bb59_ShapePercentage" hidden="1">
            <a:extLst>
              <a:ext uri="{FF2B5EF4-FFF2-40B4-BE49-F238E27FC236}">
                <a16:creationId xmlns:a16="http://schemas.microsoft.com/office/drawing/2014/main" id="{5DDBD02A-A4CE-43F6-A73F-B5545A51D51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781749" y="41714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T_0816f4b192854ea9ab8bd271b5aff42e_ShapePercentage" hidden="1">
            <a:extLst>
              <a:ext uri="{FF2B5EF4-FFF2-40B4-BE49-F238E27FC236}">
                <a16:creationId xmlns:a16="http://schemas.microsoft.com/office/drawing/2014/main" id="{55210BAC-75A5-4277-A586-E57656A28725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781749" y="446614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T_7ae66e633c074d1dba39cc861c34193a_ShapePercentage" hidden="1">
            <a:extLst>
              <a:ext uri="{FF2B5EF4-FFF2-40B4-BE49-F238E27FC236}">
                <a16:creationId xmlns:a16="http://schemas.microsoft.com/office/drawing/2014/main" id="{E27C8DBB-76F0-4CD1-8530-7D306B95B05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781749" y="465927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SLT_c0cbbdb711314f6f8bc3c74b6c323af9_ShapePercentage" hidden="1">
            <a:extLst>
              <a:ext uri="{FF2B5EF4-FFF2-40B4-BE49-F238E27FC236}">
                <a16:creationId xmlns:a16="http://schemas.microsoft.com/office/drawing/2014/main" id="{0AC8E132-3444-4DBD-9F89-AE15EE485EE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781749" y="485239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9" name="OTLSHAPE_SLT_5bdc4721d12946b5ae1b09cbd9c56642_ShapePercentage" hidden="1">
            <a:extLst>
              <a:ext uri="{FF2B5EF4-FFF2-40B4-BE49-F238E27FC236}">
                <a16:creationId xmlns:a16="http://schemas.microsoft.com/office/drawing/2014/main" id="{816E8B69-7D8D-43A0-B7C5-FCBD71E82A0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781749" y="505691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0" name="OTLSHAPE_SLT_0801838719bd47cba6b2b4ed8df1e46e_ShapePercentage" hidden="1">
            <a:extLst>
              <a:ext uri="{FF2B5EF4-FFF2-40B4-BE49-F238E27FC236}">
                <a16:creationId xmlns:a16="http://schemas.microsoft.com/office/drawing/2014/main" id="{43AA6E21-9685-43D1-8609-477968C4F01F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781749" y="526142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" name="OTLSHAPE_SLT_ce55cb3af31940ff9b4e7be43f595a48_ShapePercentage" hidden="1">
            <a:extLst>
              <a:ext uri="{FF2B5EF4-FFF2-40B4-BE49-F238E27FC236}">
                <a16:creationId xmlns:a16="http://schemas.microsoft.com/office/drawing/2014/main" id="{4066ADE0-5128-4877-B273-C960751E439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781749" y="555614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2" name="OTLSHAPE_SLT_bf77435a42514a5c90eb613f973a4fc5_ShapePercentage" hidden="1">
            <a:extLst>
              <a:ext uri="{FF2B5EF4-FFF2-40B4-BE49-F238E27FC236}">
                <a16:creationId xmlns:a16="http://schemas.microsoft.com/office/drawing/2014/main" id="{05F3D5A5-44D2-4A1A-B148-35D93E5164F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781749" y="576066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" name="OTLSHAPE_SLT_57e4e667fbbb4eed8dcfee89e033715f_ShapePercentage" hidden="1">
            <a:extLst>
              <a:ext uri="{FF2B5EF4-FFF2-40B4-BE49-F238E27FC236}">
                <a16:creationId xmlns:a16="http://schemas.microsoft.com/office/drawing/2014/main" id="{97AF7777-8109-4D14-A9AF-180E8DE939FB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775229" y="597656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2" name="OTLSHAPE_SLT_ab0f9bb0b665401e9884e07547916f50_ShapePercentage" hidden="1">
            <a:extLst>
              <a:ext uri="{FF2B5EF4-FFF2-40B4-BE49-F238E27FC236}">
                <a16:creationId xmlns:a16="http://schemas.microsoft.com/office/drawing/2014/main" id="{1610287F-5E2E-4465-AD3A-21ACD5CFE64A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332780" y="618107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" name="OTLSHAPE_SLT_8e94557e109347178d8fdf8005731b60_ShapePercentage" hidden="1">
            <a:extLst>
              <a:ext uri="{FF2B5EF4-FFF2-40B4-BE49-F238E27FC236}">
                <a16:creationId xmlns:a16="http://schemas.microsoft.com/office/drawing/2014/main" id="{B79D6568-EB2F-476D-A1A2-2407EEE256A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343050" y="63741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_eccfedfc4af1463ab3bb4742436e2237_Header">
            <a:extLst>
              <a:ext uri="{FF2B5EF4-FFF2-40B4-BE49-F238E27FC236}">
                <a16:creationId xmlns:a16="http://schemas.microsoft.com/office/drawing/2014/main" id="{880465A2-229F-43BF-B3AB-CA310206013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2621348"/>
            <a:ext cx="1041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Segoe UI" panose="020B0502040204020203" pitchFamily="34" charset="0"/>
              </a:rPr>
              <a:t>FINANCIAL</a:t>
            </a:r>
          </a:p>
        </p:txBody>
      </p:sp>
      <p:sp>
        <p:nvSpPr>
          <p:cNvPr id="24" name="OTLSHAPE_SL_2410b523bbb34770b582cc6bab5d76cd_Header">
            <a:extLst>
              <a:ext uri="{FF2B5EF4-FFF2-40B4-BE49-F238E27FC236}">
                <a16:creationId xmlns:a16="http://schemas.microsoft.com/office/drawing/2014/main" id="{5BB510A7-A268-4313-AE7D-08A2619BBE2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500" y="3745509"/>
            <a:ext cx="1041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>
                <a:solidFill>
                  <a:schemeClr val="lt1"/>
                </a:solidFill>
                <a:latin typeface="Segoe UI" panose="020B0502040204020203" pitchFamily="34" charset="0"/>
              </a:rPr>
              <a:t>CUSTOMER</a:t>
            </a:r>
            <a:endParaRPr lang="en-US" sz="1100" b="1" dirty="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27" name="OTLSHAPE_SL_f7f8d8afaaae4894bb1662acf7e65461_Header">
            <a:extLst>
              <a:ext uri="{FF2B5EF4-FFF2-40B4-BE49-F238E27FC236}">
                <a16:creationId xmlns:a16="http://schemas.microsoft.com/office/drawing/2014/main" id="{0843B582-F309-448A-8B2E-82500840F91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500" y="4753995"/>
            <a:ext cx="10414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>
                <a:solidFill>
                  <a:schemeClr val="lt1"/>
                </a:solidFill>
                <a:latin typeface="Segoe UI" panose="020B0502040204020203" pitchFamily="34" charset="0"/>
              </a:rPr>
              <a:t>INTERNAL </a:t>
            </a:r>
          </a:p>
          <a:p>
            <a:pPr algn="ctr"/>
            <a:r>
              <a:rPr lang="en-US" sz="1100" b="1">
                <a:solidFill>
                  <a:schemeClr val="lt1"/>
                </a:solidFill>
                <a:latin typeface="Segoe UI" panose="020B0502040204020203" pitchFamily="34" charset="0"/>
              </a:rPr>
              <a:t>PROCESSES</a:t>
            </a:r>
            <a:endParaRPr lang="en-US" sz="1100" b="1" dirty="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30" name="OTLSHAPE_SL_d5dbcaa0c7be45e786ab18e5b6806361_Header">
            <a:extLst>
              <a:ext uri="{FF2B5EF4-FFF2-40B4-BE49-F238E27FC236}">
                <a16:creationId xmlns:a16="http://schemas.microsoft.com/office/drawing/2014/main" id="{40DB1816-5BAF-4F8E-866E-EDC3F66D9EF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5855381"/>
            <a:ext cx="10414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>
                <a:solidFill>
                  <a:schemeClr val="lt1"/>
                </a:solidFill>
                <a:latin typeface="Segoe UI" panose="020B0502040204020203" pitchFamily="34" charset="0"/>
              </a:rPr>
              <a:t>LEARNING</a:t>
            </a:r>
          </a:p>
          <a:p>
            <a:pPr algn="ctr"/>
            <a:r>
              <a:rPr lang="en-US" sz="1100" b="1">
                <a:solidFill>
                  <a:schemeClr val="lt1"/>
                </a:solidFill>
                <a:latin typeface="Segoe UI" panose="020B0502040204020203" pitchFamily="34" charset="0"/>
              </a:rPr>
              <a:t>&amp; GROWTH</a:t>
            </a:r>
            <a:endParaRPr lang="en-US" sz="1100" b="1" dirty="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4" name="OTLSHAPE_TB_00000000000000000000000000000000_TodayMarkerShape" hidden="1">
            <a:extLst>
              <a:ext uri="{FF2B5EF4-FFF2-40B4-BE49-F238E27FC236}">
                <a16:creationId xmlns:a16="http://schemas.microsoft.com/office/drawing/2014/main" id="{47F17413-BD08-4410-923F-B27010B300B4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475110" y="197502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68A89ED-603F-442B-8899-59136D33412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93876" y="1683177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" panose="020B0502040204020203" pitchFamily="34" charset="0"/>
              </a:rPr>
              <a:t>2016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2E3EBCE-ECA1-4233-807D-587BD80F2BB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621525" y="1683177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" panose="020B0502040204020203" pitchFamily="34" charset="0"/>
              </a:rPr>
              <a:t>2017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D263325D-D384-4E1E-9D57-C4469F4A85B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945547" y="1683177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" panose="020B0502040204020203" pitchFamily="34" charset="0"/>
              </a:rPr>
              <a:t>2018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520EA1CE-0865-4D56-8CEA-60AD37B5BC9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269569" y="1683177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" panose="020B0502040204020203" pitchFamily="34" charset="0"/>
              </a:rPr>
              <a:t>2019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CD87CEC-9C10-44B9-8E67-4E0F57E0635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593591" y="1683177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" panose="020B0502040204020203" pitchFamily="34" charset="0"/>
              </a:rPr>
              <a:t>2020</a:t>
            </a:r>
          </a:p>
        </p:txBody>
      </p:sp>
      <p:sp>
        <p:nvSpPr>
          <p:cNvPr id="40" name="OTLSHAPE_SLT_3580d92d412d47d6b4013adca7a1ed9b_Duration">
            <a:extLst>
              <a:ext uri="{FF2B5EF4-FFF2-40B4-BE49-F238E27FC236}">
                <a16:creationId xmlns:a16="http://schemas.microsoft.com/office/drawing/2014/main" id="{BDF9784F-C8AD-4642-8EA8-FFB910F680C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90175" y="2229214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 dirty="0">
                <a:solidFill>
                  <a:srgbClr val="737373"/>
                </a:solidFill>
                <a:latin typeface="Segoe UI" panose="020B0502040204020203" pitchFamily="34" charset="0"/>
              </a:rPr>
              <a:t>4.2 years</a:t>
            </a:r>
          </a:p>
        </p:txBody>
      </p:sp>
      <p:sp>
        <p:nvSpPr>
          <p:cNvPr id="41" name="OTLSHAPE_SLT_3580d92d412d47d6b4013adca7a1ed9b_TextPercentage">
            <a:extLst>
              <a:ext uri="{FF2B5EF4-FFF2-40B4-BE49-F238E27FC236}">
                <a16:creationId xmlns:a16="http://schemas.microsoft.com/office/drawing/2014/main" id="{6083FA29-3FDE-40AF-AA35-C47FB0EF370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465988" y="222771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45" name="OTLSHAPE_SLT_3580d92d412d47d6b4013adca7a1ed9b_Title">
            <a:extLst>
              <a:ext uri="{FF2B5EF4-FFF2-40B4-BE49-F238E27FC236}">
                <a16:creationId xmlns:a16="http://schemas.microsoft.com/office/drawing/2014/main" id="{34EB33F7-9A32-4E06-8B32-C0AC993F4B3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099570" y="2229214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 dirty="0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48" name="OTLSHAPE_SLT_887a2768fc384b81a7ac976242034cf9_Duration">
            <a:extLst>
              <a:ext uri="{FF2B5EF4-FFF2-40B4-BE49-F238E27FC236}">
                <a16:creationId xmlns:a16="http://schemas.microsoft.com/office/drawing/2014/main" id="{CCC0BB66-F748-4305-884A-14512AF075D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90175" y="2433726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3.2 years</a:t>
            </a:r>
          </a:p>
        </p:txBody>
      </p:sp>
      <p:sp>
        <p:nvSpPr>
          <p:cNvPr id="49" name="OTLSHAPE_SLT_887a2768fc384b81a7ac976242034cf9_TextPercentage">
            <a:extLst>
              <a:ext uri="{FF2B5EF4-FFF2-40B4-BE49-F238E27FC236}">
                <a16:creationId xmlns:a16="http://schemas.microsoft.com/office/drawing/2014/main" id="{76ECE88F-12F5-4DF7-BB3B-C6CD73FC2B3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085889" y="243222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53" name="OTLSHAPE_SLT_887a2768fc384b81a7ac976242034cf9_Title">
            <a:extLst>
              <a:ext uri="{FF2B5EF4-FFF2-40B4-BE49-F238E27FC236}">
                <a16:creationId xmlns:a16="http://schemas.microsoft.com/office/drawing/2014/main" id="{1881BBCC-6726-4AB0-B7F2-AFFF02C52C8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409521" y="2433726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56" name="OTLSHAPE_SLT_b6863b14cf4b4d9d971d476ca554bf44_Duration">
            <a:extLst>
              <a:ext uri="{FF2B5EF4-FFF2-40B4-BE49-F238E27FC236}">
                <a16:creationId xmlns:a16="http://schemas.microsoft.com/office/drawing/2014/main" id="{18172CB0-DF93-47DB-9104-18B7CF3FA1D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90175" y="2638239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4 years</a:t>
            </a:r>
          </a:p>
        </p:txBody>
      </p:sp>
      <p:sp>
        <p:nvSpPr>
          <p:cNvPr id="57" name="OTLSHAPE_SLT_b6863b14cf4b4d9d971d476ca554bf44_TextPercentage">
            <a:extLst>
              <a:ext uri="{FF2B5EF4-FFF2-40B4-BE49-F238E27FC236}">
                <a16:creationId xmlns:a16="http://schemas.microsoft.com/office/drawing/2014/main" id="{7E54C1B4-9B47-4C01-BD5F-32325BA053D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654489" y="263673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1" name="OTLSHAPE_SLT_b6863b14cf4b4d9d971d476ca554bf44_Title">
            <a:extLst>
              <a:ext uri="{FF2B5EF4-FFF2-40B4-BE49-F238E27FC236}">
                <a16:creationId xmlns:a16="http://schemas.microsoft.com/office/drawing/2014/main" id="{12105ED3-1391-402C-8DAF-FF628772124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93821" y="2638239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64" name="OTLSHAPE_SLT_58345a9a5787432d913ca5b4ad97b1c8_Duration">
            <a:extLst>
              <a:ext uri="{FF2B5EF4-FFF2-40B4-BE49-F238E27FC236}">
                <a16:creationId xmlns:a16="http://schemas.microsoft.com/office/drawing/2014/main" id="{86828662-BF6C-4386-A0AD-CA4D9009A90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90175" y="2842751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3.6 years</a:t>
            </a:r>
          </a:p>
        </p:txBody>
      </p:sp>
      <p:sp>
        <p:nvSpPr>
          <p:cNvPr id="65" name="OTLSHAPE_SLT_58345a9a5787432d913ca5b4ad97b1c8_TextPercentage">
            <a:extLst>
              <a:ext uri="{FF2B5EF4-FFF2-40B4-BE49-F238E27FC236}">
                <a16:creationId xmlns:a16="http://schemas.microsoft.com/office/drawing/2014/main" id="{A7B6E010-8A03-4DAA-AB39-D7C464A0907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624463" y="284124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69" name="OTLSHAPE_SLT_58345a9a5787432d913ca5b4ad97b1c8_Title">
            <a:extLst>
              <a:ext uri="{FF2B5EF4-FFF2-40B4-BE49-F238E27FC236}">
                <a16:creationId xmlns:a16="http://schemas.microsoft.com/office/drawing/2014/main" id="{06C767AC-CEED-4975-A0AA-0DDD870BD84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678808" y="2842751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72" name="OTLSHAPE_SLT_b52a71de9e284a898fb13a5b640a6128_Duration">
            <a:extLst>
              <a:ext uri="{FF2B5EF4-FFF2-40B4-BE49-F238E27FC236}">
                <a16:creationId xmlns:a16="http://schemas.microsoft.com/office/drawing/2014/main" id="{8CF70A20-EA45-4C19-AE9E-DC21F415B1A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90175" y="3047263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2 years</a:t>
            </a:r>
          </a:p>
        </p:txBody>
      </p:sp>
      <p:sp>
        <p:nvSpPr>
          <p:cNvPr id="73" name="OTLSHAPE_SLT_b52a71de9e284a898fb13a5b640a6128_TextPercentage">
            <a:extLst>
              <a:ext uri="{FF2B5EF4-FFF2-40B4-BE49-F238E27FC236}">
                <a16:creationId xmlns:a16="http://schemas.microsoft.com/office/drawing/2014/main" id="{2EC7F1AA-4C8A-4470-967C-2323470D6F5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465988" y="304576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97%</a:t>
            </a:r>
          </a:p>
        </p:txBody>
      </p:sp>
      <p:sp>
        <p:nvSpPr>
          <p:cNvPr id="77" name="OTLSHAPE_SLT_b52a71de9e284a898fb13a5b640a6128_Title">
            <a:extLst>
              <a:ext uri="{FF2B5EF4-FFF2-40B4-BE49-F238E27FC236}">
                <a16:creationId xmlns:a16="http://schemas.microsoft.com/office/drawing/2014/main" id="{15E59465-E697-4956-82F1-A3B2C231EE9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099570" y="3047263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80" name="OTLSHAPE_SLT_02a98b4cfdc74c139ac199ecce38da34_Duration">
            <a:extLst>
              <a:ext uri="{FF2B5EF4-FFF2-40B4-BE49-F238E27FC236}">
                <a16:creationId xmlns:a16="http://schemas.microsoft.com/office/drawing/2014/main" id="{46C5825A-56A4-4CED-B3D7-78DCBD5CEE9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90175" y="3353376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2 years</a:t>
            </a:r>
          </a:p>
        </p:txBody>
      </p:sp>
      <p:sp>
        <p:nvSpPr>
          <p:cNvPr id="81" name="OTLSHAPE_SLT_02a98b4cfdc74c139ac199ecce38da34_TextPercentage">
            <a:extLst>
              <a:ext uri="{FF2B5EF4-FFF2-40B4-BE49-F238E27FC236}">
                <a16:creationId xmlns:a16="http://schemas.microsoft.com/office/drawing/2014/main" id="{4A79FE2B-80D1-48D3-97CC-026A3FD4CD6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465988" y="335187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85" name="OTLSHAPE_SLT_02a98b4cfdc74c139ac199ecce38da34_Title">
            <a:extLst>
              <a:ext uri="{FF2B5EF4-FFF2-40B4-BE49-F238E27FC236}">
                <a16:creationId xmlns:a16="http://schemas.microsoft.com/office/drawing/2014/main" id="{F82295F9-D2C7-4265-8B8B-F6EA55115E5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099570" y="3353376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 dirty="0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88" name="OTLSHAPE_SLT_f01f0106920b449c9cf4a4c6c97cb574_Duration">
            <a:extLst>
              <a:ext uri="{FF2B5EF4-FFF2-40B4-BE49-F238E27FC236}">
                <a16:creationId xmlns:a16="http://schemas.microsoft.com/office/drawing/2014/main" id="{635498D4-D3CC-4A30-A019-38674CB4741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90175" y="3546500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5 years</a:t>
            </a:r>
          </a:p>
        </p:txBody>
      </p:sp>
      <p:sp>
        <p:nvSpPr>
          <p:cNvPr id="89" name="OTLSHAPE_SLT_f01f0106920b449c9cf4a4c6c97cb574_TextPercentage">
            <a:extLst>
              <a:ext uri="{FF2B5EF4-FFF2-40B4-BE49-F238E27FC236}">
                <a16:creationId xmlns:a16="http://schemas.microsoft.com/office/drawing/2014/main" id="{9FC34104-8ED9-4F0B-9036-A24AC8604C3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29527" y="354499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98%</a:t>
            </a:r>
          </a:p>
        </p:txBody>
      </p:sp>
      <p:sp>
        <p:nvSpPr>
          <p:cNvPr id="93" name="OTLSHAPE_SLT_f01f0106920b449c9cf4a4c6c97cb574_Title">
            <a:extLst>
              <a:ext uri="{FF2B5EF4-FFF2-40B4-BE49-F238E27FC236}">
                <a16:creationId xmlns:a16="http://schemas.microsoft.com/office/drawing/2014/main" id="{800E7DE4-F7AA-4D8A-9773-FF5B4C682D7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281340" y="3546500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96" name="OTLSHAPE_SLT_e054025352ee473296d421b355167880_Duration">
            <a:extLst>
              <a:ext uri="{FF2B5EF4-FFF2-40B4-BE49-F238E27FC236}">
                <a16:creationId xmlns:a16="http://schemas.microsoft.com/office/drawing/2014/main" id="{9D61501A-E218-42E5-9E6B-BE4C9B99D62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90175" y="3751013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2 years</a:t>
            </a:r>
          </a:p>
        </p:txBody>
      </p:sp>
      <p:sp>
        <p:nvSpPr>
          <p:cNvPr id="97" name="OTLSHAPE_SLT_e054025352ee473296d421b355167880_TextPercentage">
            <a:extLst>
              <a:ext uri="{FF2B5EF4-FFF2-40B4-BE49-F238E27FC236}">
                <a16:creationId xmlns:a16="http://schemas.microsoft.com/office/drawing/2014/main" id="{F1A9400B-3784-4A5D-9E53-E2985D6717C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465988" y="374951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101" name="OTLSHAPE_SLT_e054025352ee473296d421b355167880_Title">
            <a:extLst>
              <a:ext uri="{FF2B5EF4-FFF2-40B4-BE49-F238E27FC236}">
                <a16:creationId xmlns:a16="http://schemas.microsoft.com/office/drawing/2014/main" id="{45B44918-98E8-4E09-9BBA-53CB0D5C735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099570" y="3751013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04" name="OTLSHAPE_SLT_a27df8b19cc84ad2b1f4444e609f8160_Duration">
            <a:extLst>
              <a:ext uri="{FF2B5EF4-FFF2-40B4-BE49-F238E27FC236}">
                <a16:creationId xmlns:a16="http://schemas.microsoft.com/office/drawing/2014/main" id="{147E19D4-67B4-4F6F-96F7-C6B77E967B5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90175" y="3966913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2 years</a:t>
            </a:r>
          </a:p>
        </p:txBody>
      </p:sp>
      <p:sp>
        <p:nvSpPr>
          <p:cNvPr id="105" name="OTLSHAPE_SLT_a27df8b19cc84ad2b1f4444e609f8160_TextPercentage">
            <a:extLst>
              <a:ext uri="{FF2B5EF4-FFF2-40B4-BE49-F238E27FC236}">
                <a16:creationId xmlns:a16="http://schemas.microsoft.com/office/drawing/2014/main" id="{8D774D11-FF4D-4BD2-906D-BF33100F91C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465988" y="396541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109" name="OTLSHAPE_SLT_a27df8b19cc84ad2b1f4444e609f8160_Title">
            <a:extLst>
              <a:ext uri="{FF2B5EF4-FFF2-40B4-BE49-F238E27FC236}">
                <a16:creationId xmlns:a16="http://schemas.microsoft.com/office/drawing/2014/main" id="{18478116-45D3-4226-B796-1CD1DF1B1FA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099570" y="3966913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12" name="OTLSHAPE_SLT_af8c10f005964db2b1b6bfec7888bb59_Duration">
            <a:extLst>
              <a:ext uri="{FF2B5EF4-FFF2-40B4-BE49-F238E27FC236}">
                <a16:creationId xmlns:a16="http://schemas.microsoft.com/office/drawing/2014/main" id="{E5C25CE2-7D9A-4395-B93F-289B37F3244C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90175" y="4171425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4 years</a:t>
            </a:r>
          </a:p>
        </p:txBody>
      </p:sp>
      <p:sp>
        <p:nvSpPr>
          <p:cNvPr id="113" name="OTLSHAPE_SLT_af8c10f005964db2b1b6bfec7888bb59_TextPercentage">
            <a:extLst>
              <a:ext uri="{FF2B5EF4-FFF2-40B4-BE49-F238E27FC236}">
                <a16:creationId xmlns:a16="http://schemas.microsoft.com/office/drawing/2014/main" id="{0BA9028C-A6C1-480A-A02B-D0DDD202B4C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634291" y="416992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117" name="OTLSHAPE_SLT_af8c10f005964db2b1b6bfec7888bb59_Title">
            <a:extLst>
              <a:ext uri="{FF2B5EF4-FFF2-40B4-BE49-F238E27FC236}">
                <a16:creationId xmlns:a16="http://schemas.microsoft.com/office/drawing/2014/main" id="{DC209741-2037-4BC8-8FB7-5E791D15885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183722" y="4171425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20" name="OTLSHAPE_SLT_0816f4b192854ea9ab8bd271b5aff42e_Duration">
            <a:extLst>
              <a:ext uri="{FF2B5EF4-FFF2-40B4-BE49-F238E27FC236}">
                <a16:creationId xmlns:a16="http://schemas.microsoft.com/office/drawing/2014/main" id="{3B81390B-0A09-4183-81C2-A6B5B67AB3E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90175" y="4466149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2 years</a:t>
            </a:r>
            <a:endParaRPr lang="en-US" sz="900" spc="-8" dirty="0">
              <a:solidFill>
                <a:srgbClr val="737373"/>
              </a:solidFill>
              <a:latin typeface="Segoe UI" panose="020B0502040204020203" pitchFamily="34" charset="0"/>
            </a:endParaRPr>
          </a:p>
        </p:txBody>
      </p:sp>
      <p:sp>
        <p:nvSpPr>
          <p:cNvPr id="121" name="OTLSHAPE_SLT_0816f4b192854ea9ab8bd271b5aff42e_TextPercentage">
            <a:extLst>
              <a:ext uri="{FF2B5EF4-FFF2-40B4-BE49-F238E27FC236}">
                <a16:creationId xmlns:a16="http://schemas.microsoft.com/office/drawing/2014/main" id="{2679FD27-82FC-47DF-9CB1-B8608D2F90C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465988" y="446464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125" name="OTLSHAPE_SLT_0816f4b192854ea9ab8bd271b5aff42e_Title">
            <a:extLst>
              <a:ext uri="{FF2B5EF4-FFF2-40B4-BE49-F238E27FC236}">
                <a16:creationId xmlns:a16="http://schemas.microsoft.com/office/drawing/2014/main" id="{6AE8BC2F-3C06-4453-B73E-FE33B74426E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099570" y="4466149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 dirty="0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28" name="OTLSHAPE_SLT_7ae66e633c074d1dba39cc861c34193a_Duration">
            <a:extLst>
              <a:ext uri="{FF2B5EF4-FFF2-40B4-BE49-F238E27FC236}">
                <a16:creationId xmlns:a16="http://schemas.microsoft.com/office/drawing/2014/main" id="{9AA3687C-B7A3-4E4A-963E-10B20F4BE4C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90175" y="4659274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3.7 years</a:t>
            </a:r>
          </a:p>
        </p:txBody>
      </p:sp>
      <p:sp>
        <p:nvSpPr>
          <p:cNvPr id="129" name="OTLSHAPE_SLT_7ae66e633c074d1dba39cc861c34193a_TextPercentage">
            <a:extLst>
              <a:ext uri="{FF2B5EF4-FFF2-40B4-BE49-F238E27FC236}">
                <a16:creationId xmlns:a16="http://schemas.microsoft.com/office/drawing/2014/main" id="{64B728CD-969E-4A32-83F8-60731A31962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779305" y="465777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55%</a:t>
            </a:r>
          </a:p>
        </p:txBody>
      </p:sp>
      <p:sp>
        <p:nvSpPr>
          <p:cNvPr id="133" name="OTLSHAPE_SLT_7ae66e633c074d1dba39cc861c34193a_Title">
            <a:extLst>
              <a:ext uri="{FF2B5EF4-FFF2-40B4-BE49-F238E27FC236}">
                <a16:creationId xmlns:a16="http://schemas.microsoft.com/office/drawing/2014/main" id="{C41E9404-D2E3-4A94-86AA-1FA99901B7A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756229" y="4659274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36" name="OTLSHAPE_SLT_c0cbbdb711314f6f8bc3c74b6c323af9_Duration">
            <a:extLst>
              <a:ext uri="{FF2B5EF4-FFF2-40B4-BE49-F238E27FC236}">
                <a16:creationId xmlns:a16="http://schemas.microsoft.com/office/drawing/2014/main" id="{DB66C3DD-EBE5-4DF9-A3A8-EF50A5B3D21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90175" y="4852399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4 years</a:t>
            </a:r>
          </a:p>
        </p:txBody>
      </p:sp>
      <p:sp>
        <p:nvSpPr>
          <p:cNvPr id="137" name="OTLSHAPE_SLT_c0cbbdb711314f6f8bc3c74b6c323af9_TextPercentage">
            <a:extLst>
              <a:ext uri="{FF2B5EF4-FFF2-40B4-BE49-F238E27FC236}">
                <a16:creationId xmlns:a16="http://schemas.microsoft.com/office/drawing/2014/main" id="{4E024E45-065E-4FD1-BEF9-03B20328DAE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620827" y="485089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141" name="OTLSHAPE_SLT_c0cbbdb711314f6f8bc3c74b6c323af9_Title">
            <a:extLst>
              <a:ext uri="{FF2B5EF4-FFF2-40B4-BE49-F238E27FC236}">
                <a16:creationId xmlns:a16="http://schemas.microsoft.com/office/drawing/2014/main" id="{AC892DF0-2848-45F6-8577-E594F2A851B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176990" y="4852399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44" name="OTLSHAPE_SLT_5bdc4721d12946b5ae1b09cbd9c56642_Duration">
            <a:extLst>
              <a:ext uri="{FF2B5EF4-FFF2-40B4-BE49-F238E27FC236}">
                <a16:creationId xmlns:a16="http://schemas.microsoft.com/office/drawing/2014/main" id="{9F7959A0-C6CB-4CD0-952E-17CF359EB36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90175" y="5056911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4 years</a:t>
            </a:r>
          </a:p>
        </p:txBody>
      </p:sp>
      <p:sp>
        <p:nvSpPr>
          <p:cNvPr id="145" name="OTLSHAPE_SLT_5bdc4721d12946b5ae1b09cbd9c56642_TextPercentage">
            <a:extLst>
              <a:ext uri="{FF2B5EF4-FFF2-40B4-BE49-F238E27FC236}">
                <a16:creationId xmlns:a16="http://schemas.microsoft.com/office/drawing/2014/main" id="{8F99BADC-1852-4B1D-BB6D-407BE58A79D0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661220" y="505540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149" name="OTLSHAPE_SLT_5bdc4721d12946b5ae1b09cbd9c56642_Title">
            <a:extLst>
              <a:ext uri="{FF2B5EF4-FFF2-40B4-BE49-F238E27FC236}">
                <a16:creationId xmlns:a16="http://schemas.microsoft.com/office/drawing/2014/main" id="{685DF3F6-65BF-42EA-A86A-0286AAB1DD8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197186" y="5056911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52" name="OTLSHAPE_SLT_0801838719bd47cba6b2b4ed8df1e46e_Duration">
            <a:extLst>
              <a:ext uri="{FF2B5EF4-FFF2-40B4-BE49-F238E27FC236}">
                <a16:creationId xmlns:a16="http://schemas.microsoft.com/office/drawing/2014/main" id="{837EC64C-369A-4774-8738-322EAF5163F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90175" y="5261423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2 years</a:t>
            </a:r>
          </a:p>
        </p:txBody>
      </p:sp>
      <p:sp>
        <p:nvSpPr>
          <p:cNvPr id="153" name="OTLSHAPE_SLT_0801838719bd47cba6b2b4ed8df1e46e_TextPercentage">
            <a:extLst>
              <a:ext uri="{FF2B5EF4-FFF2-40B4-BE49-F238E27FC236}">
                <a16:creationId xmlns:a16="http://schemas.microsoft.com/office/drawing/2014/main" id="{8AAEE7A3-F743-4DD4-A4E4-80B1F15F0DA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465988" y="525992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157" name="OTLSHAPE_SLT_0801838719bd47cba6b2b4ed8df1e46e_Title">
            <a:extLst>
              <a:ext uri="{FF2B5EF4-FFF2-40B4-BE49-F238E27FC236}">
                <a16:creationId xmlns:a16="http://schemas.microsoft.com/office/drawing/2014/main" id="{E71F9B18-E23A-4AC6-A846-4B70DC1D865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099570" y="5261423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60" name="OTLSHAPE_SLT_ce55cb3af31940ff9b4e7be43f595a48_Duration">
            <a:extLst>
              <a:ext uri="{FF2B5EF4-FFF2-40B4-BE49-F238E27FC236}">
                <a16:creationId xmlns:a16="http://schemas.microsoft.com/office/drawing/2014/main" id="{B51E9A48-094E-463A-8F6B-208D32609E4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90175" y="5556148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2 years</a:t>
            </a:r>
          </a:p>
        </p:txBody>
      </p:sp>
      <p:sp>
        <p:nvSpPr>
          <p:cNvPr id="161" name="OTLSHAPE_SLT_ce55cb3af31940ff9b4e7be43f595a48_TextPercentage">
            <a:extLst>
              <a:ext uri="{FF2B5EF4-FFF2-40B4-BE49-F238E27FC236}">
                <a16:creationId xmlns:a16="http://schemas.microsoft.com/office/drawing/2014/main" id="{24FFFF81-06F1-4158-85CE-5C882A5AFAB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465988" y="555464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165" name="OTLSHAPE_SLT_ce55cb3af31940ff9b4e7be43f595a48_Title">
            <a:extLst>
              <a:ext uri="{FF2B5EF4-FFF2-40B4-BE49-F238E27FC236}">
                <a16:creationId xmlns:a16="http://schemas.microsoft.com/office/drawing/2014/main" id="{AC076B88-7DE5-403D-8042-093CABE6ADA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099570" y="5556148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68" name="OTLSHAPE_SLT_bf77435a42514a5c90eb613f973a4fc5_Duration">
            <a:extLst>
              <a:ext uri="{FF2B5EF4-FFF2-40B4-BE49-F238E27FC236}">
                <a16:creationId xmlns:a16="http://schemas.microsoft.com/office/drawing/2014/main" id="{D990804E-42D0-4D8C-8090-B0DA1845B93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90175" y="5760661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4.4 years</a:t>
            </a:r>
          </a:p>
        </p:txBody>
      </p:sp>
      <p:sp>
        <p:nvSpPr>
          <p:cNvPr id="169" name="OTLSHAPE_SLT_bf77435a42514a5c90eb613f973a4fc5_TextPercentage">
            <a:extLst>
              <a:ext uri="{FF2B5EF4-FFF2-40B4-BE49-F238E27FC236}">
                <a16:creationId xmlns:a16="http://schemas.microsoft.com/office/drawing/2014/main" id="{4CF19064-10B8-4BCA-A0E2-0310D70EA9E8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607363" y="575915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92%</a:t>
            </a:r>
          </a:p>
        </p:txBody>
      </p:sp>
      <p:sp>
        <p:nvSpPr>
          <p:cNvPr id="173" name="OTLSHAPE_SLT_bf77435a42514a5c90eb613f973a4fc5_Title">
            <a:extLst>
              <a:ext uri="{FF2B5EF4-FFF2-40B4-BE49-F238E27FC236}">
                <a16:creationId xmlns:a16="http://schemas.microsoft.com/office/drawing/2014/main" id="{E6FA2201-437B-4EBE-BC84-E624FC091F7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170257" y="5760661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76" name="OTLSHAPE_SLT_57e4e667fbbb4eed8dcfee89e033715f_Duration">
            <a:extLst>
              <a:ext uri="{FF2B5EF4-FFF2-40B4-BE49-F238E27FC236}">
                <a16:creationId xmlns:a16="http://schemas.microsoft.com/office/drawing/2014/main" id="{43C988A3-70F0-4BD4-B09E-A7FED34836FB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2283655" y="5976561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3.5 years</a:t>
            </a:r>
          </a:p>
        </p:txBody>
      </p:sp>
      <p:sp>
        <p:nvSpPr>
          <p:cNvPr id="177" name="OTLSHAPE_SLT_57e4e667fbbb4eed8dcfee89e033715f_TextPercentage">
            <a:extLst>
              <a:ext uri="{FF2B5EF4-FFF2-40B4-BE49-F238E27FC236}">
                <a16:creationId xmlns:a16="http://schemas.microsoft.com/office/drawing/2014/main" id="{1C5CD38C-129E-4CDC-8DED-49A789099074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465988" y="597505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181" name="OTLSHAPE_SLT_57e4e667fbbb4eed8dcfee89e033715f_Title">
            <a:extLst>
              <a:ext uri="{FF2B5EF4-FFF2-40B4-BE49-F238E27FC236}">
                <a16:creationId xmlns:a16="http://schemas.microsoft.com/office/drawing/2014/main" id="{6EA48F7A-8C0C-4333-9B80-333D004B0FA4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4596310" y="5976561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84" name="OTLSHAPE_SLT_ab0f9bb0b665401e9884e07547916f50_Duration">
            <a:extLst>
              <a:ext uri="{FF2B5EF4-FFF2-40B4-BE49-F238E27FC236}">
                <a16:creationId xmlns:a16="http://schemas.microsoft.com/office/drawing/2014/main" id="{0979A6AC-2752-4F01-8EC4-30D6E0C73524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2841205" y="6181073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3.7 years</a:t>
            </a:r>
          </a:p>
        </p:txBody>
      </p:sp>
      <p:sp>
        <p:nvSpPr>
          <p:cNvPr id="185" name="OTLSHAPE_SLT_ab0f9bb0b665401e9884e07547916f50_TextPercentage">
            <a:extLst>
              <a:ext uri="{FF2B5EF4-FFF2-40B4-BE49-F238E27FC236}">
                <a16:creationId xmlns:a16="http://schemas.microsoft.com/office/drawing/2014/main" id="{2AE097C9-BF55-491A-AD0A-B54D6B52BE4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8237895" y="617957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189" name="OTLSHAPE_SLT_ab0f9bb0b665401e9884e07547916f50_Title">
            <a:extLst>
              <a:ext uri="{FF2B5EF4-FFF2-40B4-BE49-F238E27FC236}">
                <a16:creationId xmlns:a16="http://schemas.microsoft.com/office/drawing/2014/main" id="{BA77C9F0-D131-4CF9-ABE5-35950C18340D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261039" y="6181073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192" name="OTLSHAPE_SLT_8e94557e109347178d8fdf8005731b60_Duration">
            <a:extLst>
              <a:ext uri="{FF2B5EF4-FFF2-40B4-BE49-F238E27FC236}">
                <a16:creationId xmlns:a16="http://schemas.microsoft.com/office/drawing/2014/main" id="{FB38BFC9-DF40-492A-88FF-D661D4E7697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2851475" y="6374198"/>
            <a:ext cx="444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8">
                <a:solidFill>
                  <a:srgbClr val="737373"/>
                </a:solidFill>
                <a:latin typeface="Segoe UI" panose="020B0502040204020203" pitchFamily="34" charset="0"/>
              </a:rPr>
              <a:t>3.4 years</a:t>
            </a:r>
          </a:p>
        </p:txBody>
      </p:sp>
      <p:sp>
        <p:nvSpPr>
          <p:cNvPr id="193" name="OTLSHAPE_SLT_8e94557e109347178d8fdf8005731b60_TextPercentage">
            <a:extLst>
              <a:ext uri="{FF2B5EF4-FFF2-40B4-BE49-F238E27FC236}">
                <a16:creationId xmlns:a16="http://schemas.microsoft.com/office/drawing/2014/main" id="{BC94E5C7-821E-4099-A30C-F48CE639069B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7938486" y="63726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37373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197" name="OTLSHAPE_SLT_8e94557e109347178d8fdf8005731b60_Title">
            <a:extLst>
              <a:ext uri="{FF2B5EF4-FFF2-40B4-BE49-F238E27FC236}">
                <a16:creationId xmlns:a16="http://schemas.microsoft.com/office/drawing/2014/main" id="{1182547E-2305-41D8-A16C-13E80494DE6E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116469" y="6374198"/>
            <a:ext cx="1003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lt1"/>
                </a:solidFill>
                <a:latin typeface="Segoe UI" panose="020B0502040204020203" pitchFamily="34" charset="0"/>
              </a:rPr>
              <a:t>Strategic objective</a:t>
            </a:r>
          </a:p>
        </p:txBody>
      </p:sp>
      <p:sp>
        <p:nvSpPr>
          <p:cNvPr id="331" name="OTLSHAPE_TB_00000000000000000000000000000000_TimescaleInterval6">
            <a:extLst>
              <a:ext uri="{FF2B5EF4-FFF2-40B4-BE49-F238E27FC236}">
                <a16:creationId xmlns:a16="http://schemas.microsoft.com/office/drawing/2014/main" id="{836A3D08-9602-4A02-8779-2C20E314D7D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7921240" y="1683177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</a:rPr>
              <a:t>2021</a:t>
            </a:r>
          </a:p>
        </p:txBody>
      </p:sp>
      <p:sp>
        <p:nvSpPr>
          <p:cNvPr id="5" name="OTLSHAPE_TB_00000000000000000000000000000000_TodayMarkerText" hidden="1">
            <a:extLst>
              <a:ext uri="{FF2B5EF4-FFF2-40B4-BE49-F238E27FC236}">
                <a16:creationId xmlns:a16="http://schemas.microsoft.com/office/drawing/2014/main" id="{7028918A-5E95-4C8F-ABFE-C057A7B8052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-178057" y="66561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Segoe UI" panose="020B0502040204020203" pitchFamily="34" charset="0"/>
              </a:rPr>
              <a:t>Today</a:t>
            </a:r>
          </a:p>
        </p:txBody>
      </p:sp>
      <p:sp>
        <p:nvSpPr>
          <p:cNvPr id="7" name="OTLSHAPE_SLT_3580d92d412d47d6b4013adca7a1ed9b_JoinedDate" hidden="1">
            <a:extLst>
              <a:ext uri="{FF2B5EF4-FFF2-40B4-BE49-F238E27FC236}">
                <a16:creationId xmlns:a16="http://schemas.microsoft.com/office/drawing/2014/main" id="{229A6D4A-9BCE-4CB6-85B2-054D7030A9E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Aug 31</a:t>
            </a:r>
          </a:p>
        </p:txBody>
      </p:sp>
      <p:sp>
        <p:nvSpPr>
          <p:cNvPr id="13" name="OTLSHAPE_SLT_3580d92d412d47d6b4013adca7a1ed9b_StartDate" hidden="1">
            <a:extLst>
              <a:ext uri="{FF2B5EF4-FFF2-40B4-BE49-F238E27FC236}">
                <a16:creationId xmlns:a16="http://schemas.microsoft.com/office/drawing/2014/main" id="{55BDDEDA-6F58-4091-9FFA-74145D04906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SLT_3580d92d412d47d6b4013adca7a1ed9b_EndDate" hidden="1">
            <a:extLst>
              <a:ext uri="{FF2B5EF4-FFF2-40B4-BE49-F238E27FC236}">
                <a16:creationId xmlns:a16="http://schemas.microsoft.com/office/drawing/2014/main" id="{4E37E0F2-4195-4CFE-BC39-13E8407F03CD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SLT_887a2768fc384b81a7ac976242034cf9_JoinedDate" hidden="1">
            <a:extLst>
              <a:ext uri="{FF2B5EF4-FFF2-40B4-BE49-F238E27FC236}">
                <a16:creationId xmlns:a16="http://schemas.microsoft.com/office/drawing/2014/main" id="{0ACFA202-4415-4E0D-AC2A-FD304B41EED2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Aug 17</a:t>
            </a:r>
          </a:p>
        </p:txBody>
      </p:sp>
      <p:sp>
        <p:nvSpPr>
          <p:cNvPr id="35" name="OTLSHAPE_SLT_887a2768fc384b81a7ac976242034cf9_StartDate" hidden="1">
            <a:extLst>
              <a:ext uri="{FF2B5EF4-FFF2-40B4-BE49-F238E27FC236}">
                <a16:creationId xmlns:a16="http://schemas.microsoft.com/office/drawing/2014/main" id="{85EEABEB-6479-4908-A19D-3E53A33D695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887a2768fc384b81a7ac976242034cf9_EndDate" hidden="1">
            <a:extLst>
              <a:ext uri="{FF2B5EF4-FFF2-40B4-BE49-F238E27FC236}">
                <a16:creationId xmlns:a16="http://schemas.microsoft.com/office/drawing/2014/main" id="{438B2C08-5317-4285-AC20-9A3E805E1F4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b6863b14cf4b4d9d971d476ca554bf44_JoinedDate" hidden="1">
            <a:extLst>
              <a:ext uri="{FF2B5EF4-FFF2-40B4-BE49-F238E27FC236}">
                <a16:creationId xmlns:a16="http://schemas.microsoft.com/office/drawing/2014/main" id="{F3A23EC9-7F0A-4C88-922A-BC2FC475A21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Oct 22</a:t>
            </a:r>
          </a:p>
        </p:txBody>
      </p:sp>
      <p:sp>
        <p:nvSpPr>
          <p:cNvPr id="39" name="OTLSHAPE_SLT_b6863b14cf4b4d9d971d476ca554bf44_StartDate" hidden="1">
            <a:extLst>
              <a:ext uri="{FF2B5EF4-FFF2-40B4-BE49-F238E27FC236}">
                <a16:creationId xmlns:a16="http://schemas.microsoft.com/office/drawing/2014/main" id="{A60DFC43-013E-418B-A666-725F99F87DB6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b6863b14cf4b4d9d971d476ca554bf44_EndDate" hidden="1">
            <a:extLst>
              <a:ext uri="{FF2B5EF4-FFF2-40B4-BE49-F238E27FC236}">
                <a16:creationId xmlns:a16="http://schemas.microsoft.com/office/drawing/2014/main" id="{19F5B32C-D176-4716-9B5F-620DD7D5F15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58345a9a5787432d913ca5b4ad97b1c8_JoinedDate" hidden="1">
            <a:extLst>
              <a:ext uri="{FF2B5EF4-FFF2-40B4-BE49-F238E27FC236}">
                <a16:creationId xmlns:a16="http://schemas.microsoft.com/office/drawing/2014/main" id="{97C38A68-54BC-420C-9BFD-55465D878D20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618242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Jan 13</a:t>
            </a:r>
          </a:p>
        </p:txBody>
      </p:sp>
      <p:sp>
        <p:nvSpPr>
          <p:cNvPr id="50" name="OTLSHAPE_SLT_58345a9a5787432d913ca5b4ad97b1c8_StartDate" hidden="1">
            <a:extLst>
              <a:ext uri="{FF2B5EF4-FFF2-40B4-BE49-F238E27FC236}">
                <a16:creationId xmlns:a16="http://schemas.microsoft.com/office/drawing/2014/main" id="{71A3FCCC-EC61-4DA8-A946-6EF5A7CFC7F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58345a9a5787432d913ca5b4ad97b1c8_EndDate" hidden="1">
            <a:extLst>
              <a:ext uri="{FF2B5EF4-FFF2-40B4-BE49-F238E27FC236}">
                <a16:creationId xmlns:a16="http://schemas.microsoft.com/office/drawing/2014/main" id="{4A1EC096-D46A-47E0-8F51-7401AC5E008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b52a71de9e284a898fb13a5b640a6128_JoinedDate" hidden="1">
            <a:extLst>
              <a:ext uri="{FF2B5EF4-FFF2-40B4-BE49-F238E27FC236}">
                <a16:creationId xmlns:a16="http://schemas.microsoft.com/office/drawing/2014/main" id="{C84C029B-E8FE-4BDD-BF7E-8A02CE37508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Aug 31</a:t>
            </a:r>
          </a:p>
        </p:txBody>
      </p:sp>
      <p:sp>
        <p:nvSpPr>
          <p:cNvPr id="55" name="OTLSHAPE_SLT_b52a71de9e284a898fb13a5b640a6128_StartDate" hidden="1">
            <a:extLst>
              <a:ext uri="{FF2B5EF4-FFF2-40B4-BE49-F238E27FC236}">
                <a16:creationId xmlns:a16="http://schemas.microsoft.com/office/drawing/2014/main" id="{05846D0B-A3F6-42E8-AFDB-B637E04C388B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b52a71de9e284a898fb13a5b640a6128_EndDate" hidden="1">
            <a:extLst>
              <a:ext uri="{FF2B5EF4-FFF2-40B4-BE49-F238E27FC236}">
                <a16:creationId xmlns:a16="http://schemas.microsoft.com/office/drawing/2014/main" id="{DDD7272C-049A-44C7-9E8E-7958F7BFA93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02a98b4cfdc74c139ac199ecce38da34_JoinedDate" hidden="1">
            <a:extLst>
              <a:ext uri="{FF2B5EF4-FFF2-40B4-BE49-F238E27FC236}">
                <a16:creationId xmlns:a16="http://schemas.microsoft.com/office/drawing/2014/main" id="{653291D9-CA7C-4B9F-876D-9177776E8D5E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Aug 31</a:t>
            </a:r>
          </a:p>
        </p:txBody>
      </p:sp>
      <p:sp>
        <p:nvSpPr>
          <p:cNvPr id="66" name="OTLSHAPE_SLT_02a98b4cfdc74c139ac199ecce38da34_StartDate" hidden="1">
            <a:extLst>
              <a:ext uri="{FF2B5EF4-FFF2-40B4-BE49-F238E27FC236}">
                <a16:creationId xmlns:a16="http://schemas.microsoft.com/office/drawing/2014/main" id="{6C5AAF08-E293-4EDD-8EA7-962822FE10F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02a98b4cfdc74c139ac199ecce38da34_EndDate" hidden="1">
            <a:extLst>
              <a:ext uri="{FF2B5EF4-FFF2-40B4-BE49-F238E27FC236}">
                <a16:creationId xmlns:a16="http://schemas.microsoft.com/office/drawing/2014/main" id="{7208ACF2-2558-4445-8F0A-C48E26D9B0E1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f01f0106920b449c9cf4a4c6c97cb574_JoinedDate" hidden="1">
            <a:extLst>
              <a:ext uri="{FF2B5EF4-FFF2-40B4-BE49-F238E27FC236}">
                <a16:creationId xmlns:a16="http://schemas.microsoft.com/office/drawing/2014/main" id="{3ED27BAD-C58D-42ED-B7EF-792C218720E3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Dec 10</a:t>
            </a:r>
          </a:p>
        </p:txBody>
      </p:sp>
      <p:sp>
        <p:nvSpPr>
          <p:cNvPr id="71" name="OTLSHAPE_SLT_f01f0106920b449c9cf4a4c6c97cb574_StartDate" hidden="1">
            <a:extLst>
              <a:ext uri="{FF2B5EF4-FFF2-40B4-BE49-F238E27FC236}">
                <a16:creationId xmlns:a16="http://schemas.microsoft.com/office/drawing/2014/main" id="{F0167F61-B4C6-48DE-961C-7300444F918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f01f0106920b449c9cf4a4c6c97cb574_EndDate" hidden="1">
            <a:extLst>
              <a:ext uri="{FF2B5EF4-FFF2-40B4-BE49-F238E27FC236}">
                <a16:creationId xmlns:a16="http://schemas.microsoft.com/office/drawing/2014/main" id="{70A9D9B8-59E2-409C-9C5A-F6ACFF03CA0F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e054025352ee473296d421b355167880_JoinedDate" hidden="1">
            <a:extLst>
              <a:ext uri="{FF2B5EF4-FFF2-40B4-BE49-F238E27FC236}">
                <a16:creationId xmlns:a16="http://schemas.microsoft.com/office/drawing/2014/main" id="{5CD05F16-1A6B-403A-AFDC-4D09820A5F7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Aug 31</a:t>
            </a:r>
          </a:p>
        </p:txBody>
      </p:sp>
      <p:sp>
        <p:nvSpPr>
          <p:cNvPr id="78" name="OTLSHAPE_SLT_e054025352ee473296d421b355167880_StartDate" hidden="1">
            <a:extLst>
              <a:ext uri="{FF2B5EF4-FFF2-40B4-BE49-F238E27FC236}">
                <a16:creationId xmlns:a16="http://schemas.microsoft.com/office/drawing/2014/main" id="{8576BEF5-8091-4C4D-947F-6CC8BE409C3C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e054025352ee473296d421b355167880_EndDate" hidden="1">
            <a:extLst>
              <a:ext uri="{FF2B5EF4-FFF2-40B4-BE49-F238E27FC236}">
                <a16:creationId xmlns:a16="http://schemas.microsoft.com/office/drawing/2014/main" id="{A3101BEF-2FE1-4AFF-920E-75F7C8CEFD16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a27df8b19cc84ad2b1f4444e609f8160_JoinedDate" hidden="1">
            <a:extLst>
              <a:ext uri="{FF2B5EF4-FFF2-40B4-BE49-F238E27FC236}">
                <a16:creationId xmlns:a16="http://schemas.microsoft.com/office/drawing/2014/main" id="{DC30ABC9-E1A9-42DE-903D-0967AC8F2791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Aug 31</a:t>
            </a:r>
          </a:p>
        </p:txBody>
      </p:sp>
      <p:sp>
        <p:nvSpPr>
          <p:cNvPr id="87" name="OTLSHAPE_SLT_a27df8b19cc84ad2b1f4444e609f8160_StartDate" hidden="1">
            <a:extLst>
              <a:ext uri="{FF2B5EF4-FFF2-40B4-BE49-F238E27FC236}">
                <a16:creationId xmlns:a16="http://schemas.microsoft.com/office/drawing/2014/main" id="{76BF4E8C-37C4-4E55-95F1-A0E93C728DF4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a27df8b19cc84ad2b1f4444e609f8160_EndDate" hidden="1">
            <a:extLst>
              <a:ext uri="{FF2B5EF4-FFF2-40B4-BE49-F238E27FC236}">
                <a16:creationId xmlns:a16="http://schemas.microsoft.com/office/drawing/2014/main" id="{5EBBF96C-0E71-449F-B04B-FF74361D460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af8c10f005964db2b1b6bfec7888bb59_JoinedDate" hidden="1">
            <a:extLst>
              <a:ext uri="{FF2B5EF4-FFF2-40B4-BE49-F238E27FC236}">
                <a16:creationId xmlns:a16="http://schemas.microsoft.com/office/drawing/2014/main" id="{2F31FE56-F544-43D4-8E7B-61E10F6D8BF1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Oct 17</a:t>
            </a:r>
          </a:p>
        </p:txBody>
      </p:sp>
      <p:sp>
        <p:nvSpPr>
          <p:cNvPr id="98" name="OTLSHAPE_SLT_af8c10f005964db2b1b6bfec7888bb59_StartDate" hidden="1">
            <a:extLst>
              <a:ext uri="{FF2B5EF4-FFF2-40B4-BE49-F238E27FC236}">
                <a16:creationId xmlns:a16="http://schemas.microsoft.com/office/drawing/2014/main" id="{2CBADD6D-AB15-4E3B-B95F-A53AEA707219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af8c10f005964db2b1b6bfec7888bb59_EndDate" hidden="1">
            <a:extLst>
              <a:ext uri="{FF2B5EF4-FFF2-40B4-BE49-F238E27FC236}">
                <a16:creationId xmlns:a16="http://schemas.microsoft.com/office/drawing/2014/main" id="{AC916A26-E7F1-4C96-85A5-DE41FAA11D8D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T_0816f4b192854ea9ab8bd271b5aff42e_JoinedDate" hidden="1">
            <a:extLst>
              <a:ext uri="{FF2B5EF4-FFF2-40B4-BE49-F238E27FC236}">
                <a16:creationId xmlns:a16="http://schemas.microsoft.com/office/drawing/2014/main" id="{64A89EDA-F07F-47F1-B0BB-A792FB014501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Aug 31</a:t>
            </a:r>
          </a:p>
        </p:txBody>
      </p:sp>
      <p:sp>
        <p:nvSpPr>
          <p:cNvPr id="103" name="OTLSHAPE_SLT_0816f4b192854ea9ab8bd271b5aff42e_StartDate" hidden="1">
            <a:extLst>
              <a:ext uri="{FF2B5EF4-FFF2-40B4-BE49-F238E27FC236}">
                <a16:creationId xmlns:a16="http://schemas.microsoft.com/office/drawing/2014/main" id="{022143A2-F95F-4520-985B-FAACBCA9D172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0816f4b192854ea9ab8bd271b5aff42e_EndDate" hidden="1">
            <a:extLst>
              <a:ext uri="{FF2B5EF4-FFF2-40B4-BE49-F238E27FC236}">
                <a16:creationId xmlns:a16="http://schemas.microsoft.com/office/drawing/2014/main" id="{8DC7A952-04DE-4168-8E11-76C436049E23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ae66e633c074d1dba39cc861c34193a_JoinedDate" hidden="1">
            <a:extLst>
              <a:ext uri="{FF2B5EF4-FFF2-40B4-BE49-F238E27FC236}">
                <a16:creationId xmlns:a16="http://schemas.microsoft.com/office/drawing/2014/main" id="{DFEE03EE-3797-4DE8-A113-70C36A06BFF8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Feb 24</a:t>
            </a:r>
          </a:p>
        </p:txBody>
      </p:sp>
      <p:sp>
        <p:nvSpPr>
          <p:cNvPr id="110" name="OTLSHAPE_SLT_7ae66e633c074d1dba39cc861c34193a_StartDate" hidden="1">
            <a:extLst>
              <a:ext uri="{FF2B5EF4-FFF2-40B4-BE49-F238E27FC236}">
                <a16:creationId xmlns:a16="http://schemas.microsoft.com/office/drawing/2014/main" id="{FAEDC4AF-3634-41C3-B538-8D17BCFD6BAA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7ae66e633c074d1dba39cc861c34193a_EndDate" hidden="1">
            <a:extLst>
              <a:ext uri="{FF2B5EF4-FFF2-40B4-BE49-F238E27FC236}">
                <a16:creationId xmlns:a16="http://schemas.microsoft.com/office/drawing/2014/main" id="{215B88D1-4380-4714-B9EF-2D286C56BF8A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c0cbbdb711314f6f8bc3c74b6c323af9_JoinedDate" hidden="1">
            <a:extLst>
              <a:ext uri="{FF2B5EF4-FFF2-40B4-BE49-F238E27FC236}">
                <a16:creationId xmlns:a16="http://schemas.microsoft.com/office/drawing/2014/main" id="{981C9EDF-E6EE-4EE0-8E89-6A58DA9728F3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Oct 13</a:t>
            </a:r>
          </a:p>
        </p:txBody>
      </p:sp>
      <p:sp>
        <p:nvSpPr>
          <p:cNvPr id="116" name="OTLSHAPE_SLT_c0cbbdb711314f6f8bc3c74b6c323af9_StartDate" hidden="1">
            <a:extLst>
              <a:ext uri="{FF2B5EF4-FFF2-40B4-BE49-F238E27FC236}">
                <a16:creationId xmlns:a16="http://schemas.microsoft.com/office/drawing/2014/main" id="{7E11F322-9A04-4682-BCF3-676016079973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c0cbbdb711314f6f8bc3c74b6c323af9_EndDate" hidden="1">
            <a:extLst>
              <a:ext uri="{FF2B5EF4-FFF2-40B4-BE49-F238E27FC236}">
                <a16:creationId xmlns:a16="http://schemas.microsoft.com/office/drawing/2014/main" id="{053D3113-4B90-4861-82B7-0CFA4C58D14D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5bdc4721d12946b5ae1b09cbd9c56642_JoinedDate" hidden="1">
            <a:extLst>
              <a:ext uri="{FF2B5EF4-FFF2-40B4-BE49-F238E27FC236}">
                <a16:creationId xmlns:a16="http://schemas.microsoft.com/office/drawing/2014/main" id="{BB803B73-49F4-4A16-BF00-E61D38A0A441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Oct 24</a:t>
            </a:r>
          </a:p>
        </p:txBody>
      </p:sp>
      <p:sp>
        <p:nvSpPr>
          <p:cNvPr id="123" name="OTLSHAPE_SLT_5bdc4721d12946b5ae1b09cbd9c56642_StartDate" hidden="1">
            <a:extLst>
              <a:ext uri="{FF2B5EF4-FFF2-40B4-BE49-F238E27FC236}">
                <a16:creationId xmlns:a16="http://schemas.microsoft.com/office/drawing/2014/main" id="{39FD338B-7ABD-4435-AB0C-0AE23E1F4EF1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5bdc4721d12946b5ae1b09cbd9c56642_EndDate" hidden="1">
            <a:extLst>
              <a:ext uri="{FF2B5EF4-FFF2-40B4-BE49-F238E27FC236}">
                <a16:creationId xmlns:a16="http://schemas.microsoft.com/office/drawing/2014/main" id="{2AD50E5B-DE92-43EA-B816-8CF7414AC568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0801838719bd47cba6b2b4ed8df1e46e_JoinedDate" hidden="1">
            <a:extLst>
              <a:ext uri="{FF2B5EF4-FFF2-40B4-BE49-F238E27FC236}">
                <a16:creationId xmlns:a16="http://schemas.microsoft.com/office/drawing/2014/main" id="{4281E454-F7B2-481A-8714-527D99804B3E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Aug 31</a:t>
            </a:r>
          </a:p>
        </p:txBody>
      </p:sp>
      <p:sp>
        <p:nvSpPr>
          <p:cNvPr id="132" name="OTLSHAPE_SLT_0801838719bd47cba6b2b4ed8df1e46e_StartDate" hidden="1">
            <a:extLst>
              <a:ext uri="{FF2B5EF4-FFF2-40B4-BE49-F238E27FC236}">
                <a16:creationId xmlns:a16="http://schemas.microsoft.com/office/drawing/2014/main" id="{828A5AC1-89C8-4BCF-8D2D-E2AACCB52F6A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0801838719bd47cba6b2b4ed8df1e46e_EndDate" hidden="1">
            <a:extLst>
              <a:ext uri="{FF2B5EF4-FFF2-40B4-BE49-F238E27FC236}">
                <a16:creationId xmlns:a16="http://schemas.microsoft.com/office/drawing/2014/main" id="{2B02DD90-5D56-4C75-B1E4-6A33E60863EB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ce55cb3af31940ff9b4e7be43f595a48_JoinedDate" hidden="1">
            <a:extLst>
              <a:ext uri="{FF2B5EF4-FFF2-40B4-BE49-F238E27FC236}">
                <a16:creationId xmlns:a16="http://schemas.microsoft.com/office/drawing/2014/main" id="{03A5CE84-116C-413B-864E-81E70745A8ED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Aug 31</a:t>
            </a:r>
          </a:p>
        </p:txBody>
      </p:sp>
      <p:sp>
        <p:nvSpPr>
          <p:cNvPr id="139" name="OTLSHAPE_SLT_ce55cb3af31940ff9b4e7be43f595a48_StartDate" hidden="1">
            <a:extLst>
              <a:ext uri="{FF2B5EF4-FFF2-40B4-BE49-F238E27FC236}">
                <a16:creationId xmlns:a16="http://schemas.microsoft.com/office/drawing/2014/main" id="{4D8DE3BC-4650-4145-B3D7-87354105F6F8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ce55cb3af31940ff9b4e7be43f595a48_EndDate" hidden="1">
            <a:extLst>
              <a:ext uri="{FF2B5EF4-FFF2-40B4-BE49-F238E27FC236}">
                <a16:creationId xmlns:a16="http://schemas.microsoft.com/office/drawing/2014/main" id="{51459040-FC87-46D5-B8AE-AA8259E4C037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bf77435a42514a5c90eb613f973a4fc5_JoinedDate" hidden="1">
            <a:extLst>
              <a:ext uri="{FF2B5EF4-FFF2-40B4-BE49-F238E27FC236}">
                <a16:creationId xmlns:a16="http://schemas.microsoft.com/office/drawing/2014/main" id="{0D737F33-8241-4BA4-9DF0-508A19EAFD4B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541298"/>
            <a:ext cx="647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Oct 9</a:t>
            </a:r>
          </a:p>
        </p:txBody>
      </p:sp>
      <p:sp>
        <p:nvSpPr>
          <p:cNvPr id="146" name="OTLSHAPE_SLT_bf77435a42514a5c90eb613f973a4fc5_StartDate" hidden="1">
            <a:extLst>
              <a:ext uri="{FF2B5EF4-FFF2-40B4-BE49-F238E27FC236}">
                <a16:creationId xmlns:a16="http://schemas.microsoft.com/office/drawing/2014/main" id="{13B7F9EF-240B-4449-BB4B-28337B3042D6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bf77435a42514a5c90eb613f973a4fc5_EndDate" hidden="1">
            <a:extLst>
              <a:ext uri="{FF2B5EF4-FFF2-40B4-BE49-F238E27FC236}">
                <a16:creationId xmlns:a16="http://schemas.microsoft.com/office/drawing/2014/main" id="{78D211A0-0CC0-49D8-A3E5-D12F74D8C656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57e4e667fbbb4eed8dcfee89e033715f_JoinedDate" hidden="1">
            <a:extLst>
              <a:ext uri="{FF2B5EF4-FFF2-40B4-BE49-F238E27FC236}">
                <a16:creationId xmlns:a16="http://schemas.microsoft.com/office/drawing/2014/main" id="{849C4C77-B6BB-46BE-AD98-B40DB7DFA8B0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ug 31</a:t>
            </a:r>
          </a:p>
        </p:txBody>
      </p:sp>
      <p:sp>
        <p:nvSpPr>
          <p:cNvPr id="155" name="OTLSHAPE_SLT_57e4e667fbbb4eed8dcfee89e033715f_StartDate" hidden="1">
            <a:extLst>
              <a:ext uri="{FF2B5EF4-FFF2-40B4-BE49-F238E27FC236}">
                <a16:creationId xmlns:a16="http://schemas.microsoft.com/office/drawing/2014/main" id="{A5765338-4AFA-4E51-8BAA-E9A015180897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T_57e4e667fbbb4eed8dcfee89e033715f_EndDate" hidden="1">
            <a:extLst>
              <a:ext uri="{FF2B5EF4-FFF2-40B4-BE49-F238E27FC236}">
                <a16:creationId xmlns:a16="http://schemas.microsoft.com/office/drawing/2014/main" id="{3FD20C04-56D0-4879-90CC-8D2A07D8E913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ab0f9bb0b665401e9884e07547916f50_JoinedDate" hidden="1">
            <a:extLst>
              <a:ext uri="{FF2B5EF4-FFF2-40B4-BE49-F238E27FC236}">
                <a16:creationId xmlns:a16="http://schemas.microsoft.com/office/drawing/2014/main" id="{3D33CA5B-E35B-4058-92E0-73A9F92ADC8C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541298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2 - Apr 1</a:t>
            </a:r>
          </a:p>
        </p:txBody>
      </p:sp>
      <p:sp>
        <p:nvSpPr>
          <p:cNvPr id="164" name="OTLSHAPE_SLT_ab0f9bb0b665401e9884e07547916f50_StartDate" hidden="1">
            <a:extLst>
              <a:ext uri="{FF2B5EF4-FFF2-40B4-BE49-F238E27FC236}">
                <a16:creationId xmlns:a16="http://schemas.microsoft.com/office/drawing/2014/main" id="{F6992922-36BB-40D8-973A-B2F5E3ED8B16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T_ab0f9bb0b665401e9884e07547916f50_EndDate" hidden="1">
            <a:extLst>
              <a:ext uri="{FF2B5EF4-FFF2-40B4-BE49-F238E27FC236}">
                <a16:creationId xmlns:a16="http://schemas.microsoft.com/office/drawing/2014/main" id="{871EF31F-DFC0-4CC3-B413-C95536647A47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8e94557e109347178d8fdf8005731b60_JoinedDate" hidden="1">
            <a:extLst>
              <a:ext uri="{FF2B5EF4-FFF2-40B4-BE49-F238E27FC236}">
                <a16:creationId xmlns:a16="http://schemas.microsoft.com/office/drawing/2014/main" id="{1B7B0A73-AFC7-4CCF-B35B-0176DAA03DB5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5 - Jan 9</a:t>
            </a:r>
          </a:p>
        </p:txBody>
      </p:sp>
      <p:sp>
        <p:nvSpPr>
          <p:cNvPr id="171" name="OTLSHAPE_SLT_8e94557e109347178d8fdf8005731b60_StartDate" hidden="1">
            <a:extLst>
              <a:ext uri="{FF2B5EF4-FFF2-40B4-BE49-F238E27FC236}">
                <a16:creationId xmlns:a16="http://schemas.microsoft.com/office/drawing/2014/main" id="{930EBA88-5611-4FA1-8330-0F5756B8837F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8e94557e109347178d8fdf8005731b60_EndDate" hidden="1">
            <a:extLst>
              <a:ext uri="{FF2B5EF4-FFF2-40B4-BE49-F238E27FC236}">
                <a16:creationId xmlns:a16="http://schemas.microsoft.com/office/drawing/2014/main" id="{8CE4B817-7012-4AAC-B15E-DA6736DDC31A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240" name="OTLSHAPE_TB_00000000000000000000000000000000_Separator1">
            <a:extLst>
              <a:ext uri="{FF2B5EF4-FFF2-40B4-BE49-F238E27FC236}">
                <a16:creationId xmlns:a16="http://schemas.microsoft.com/office/drawing/2014/main" id="{D8DD2BD0-34F6-4E6D-BB66-CF860011ECBA}"/>
              </a:ext>
            </a:extLst>
          </p:cNvPr>
          <p:cNvCxnSpPr/>
          <p:nvPr>
            <p:custDataLst>
              <p:tags r:id="rId191"/>
            </p:custDataLst>
          </p:nvPr>
        </p:nvCxnSpPr>
        <p:spPr>
          <a:xfrm>
            <a:off x="2558025" y="16829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OTLSHAPE_TB_00000000000000000000000000000000_Separator2">
            <a:extLst>
              <a:ext uri="{FF2B5EF4-FFF2-40B4-BE49-F238E27FC236}">
                <a16:creationId xmlns:a16="http://schemas.microsoft.com/office/drawing/2014/main" id="{D383FDC1-7D8B-4A27-8EDE-375A9ADB6ECD}"/>
              </a:ext>
            </a:extLst>
          </p:cNvPr>
          <p:cNvCxnSpPr/>
          <p:nvPr>
            <p:custDataLst>
              <p:tags r:id="rId192"/>
            </p:custDataLst>
          </p:nvPr>
        </p:nvCxnSpPr>
        <p:spPr>
          <a:xfrm>
            <a:off x="3882047" y="16829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TB_00000000000000000000000000000000_Separator3">
            <a:extLst>
              <a:ext uri="{FF2B5EF4-FFF2-40B4-BE49-F238E27FC236}">
                <a16:creationId xmlns:a16="http://schemas.microsoft.com/office/drawing/2014/main" id="{EBA23E20-D2D2-47D5-A692-EDF652A5B1C2}"/>
              </a:ext>
            </a:extLst>
          </p:cNvPr>
          <p:cNvCxnSpPr/>
          <p:nvPr>
            <p:custDataLst>
              <p:tags r:id="rId193"/>
            </p:custDataLst>
          </p:nvPr>
        </p:nvCxnSpPr>
        <p:spPr>
          <a:xfrm>
            <a:off x="5206069" y="16829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TB_00000000000000000000000000000000_Separator4">
            <a:extLst>
              <a:ext uri="{FF2B5EF4-FFF2-40B4-BE49-F238E27FC236}">
                <a16:creationId xmlns:a16="http://schemas.microsoft.com/office/drawing/2014/main" id="{42C53BF3-B8CB-473B-BBEF-13814011C1B4}"/>
              </a:ext>
            </a:extLst>
          </p:cNvPr>
          <p:cNvCxnSpPr/>
          <p:nvPr>
            <p:custDataLst>
              <p:tags r:id="rId194"/>
            </p:custDataLst>
          </p:nvPr>
        </p:nvCxnSpPr>
        <p:spPr>
          <a:xfrm>
            <a:off x="6530091" y="16829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0" name="OTLSHAPE_TB_00000000000000000000000000000000_Separator5">
            <a:extLst>
              <a:ext uri="{FF2B5EF4-FFF2-40B4-BE49-F238E27FC236}">
                <a16:creationId xmlns:a16="http://schemas.microsoft.com/office/drawing/2014/main" id="{16FF66C7-5DDD-4296-9A45-A3CAF41ECB38}"/>
              </a:ext>
            </a:extLst>
          </p:cNvPr>
          <p:cNvCxnSpPr/>
          <p:nvPr>
            <p:custDataLst>
              <p:tags r:id="rId195"/>
            </p:custDataLst>
          </p:nvPr>
        </p:nvCxnSpPr>
        <p:spPr>
          <a:xfrm>
            <a:off x="7857740" y="16829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5" name="OTLSHAPE_SLA_cdafd2db1bbc45508cf02a0cd5e54672_Shape">
            <a:extLst>
              <a:ext uri="{FF2B5EF4-FFF2-40B4-BE49-F238E27FC236}">
                <a16:creationId xmlns:a16="http://schemas.microsoft.com/office/drawing/2014/main" id="{8BC4B93C-82FE-4205-A464-C1C32696C7C1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7285505" y="2216323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" name="OTLSHAPE_SLA_404d14ce094f44cbae2c790aad10dd58_Shape">
            <a:extLst>
              <a:ext uri="{FF2B5EF4-FFF2-40B4-BE49-F238E27FC236}">
                <a16:creationId xmlns:a16="http://schemas.microsoft.com/office/drawing/2014/main" id="{CDAEFAAC-E5C1-49CE-ACD8-7765E71D528C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>
            <a:off x="7474133" y="2625348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" name="OTLSHAPE_SLA_3b7f58e2b56440f5ba2815c189e32039_Shape">
            <a:extLst>
              <a:ext uri="{FF2B5EF4-FFF2-40B4-BE49-F238E27FC236}">
                <a16:creationId xmlns:a16="http://schemas.microsoft.com/office/drawing/2014/main" id="{ECEE9BCF-52C2-4957-8D0C-D7C6E18C77A1}"/>
              </a:ext>
            </a:extLst>
          </p:cNvPr>
          <p:cNvSpPr/>
          <p:nvPr>
            <p:custDataLst>
              <p:tags r:id="rId198"/>
            </p:custDataLst>
          </p:nvPr>
        </p:nvSpPr>
        <p:spPr>
          <a:xfrm>
            <a:off x="7288203" y="3034373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A_35ee7c0bbdb748fcb0c85b162fab81b2_Shape">
            <a:extLst>
              <a:ext uri="{FF2B5EF4-FFF2-40B4-BE49-F238E27FC236}">
                <a16:creationId xmlns:a16="http://schemas.microsoft.com/office/drawing/2014/main" id="{18151DBD-4896-4EC2-B9F9-320E96911637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7288203" y="3738122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SLA_69667f5ebaab45d6a746a478153e59cf_Shape">
            <a:extLst>
              <a:ext uri="{FF2B5EF4-FFF2-40B4-BE49-F238E27FC236}">
                <a16:creationId xmlns:a16="http://schemas.microsoft.com/office/drawing/2014/main" id="{40D52BEA-78F1-43DC-9503-EA727A8F98F4}"/>
              </a:ext>
            </a:extLst>
          </p:cNvPr>
          <p:cNvSpPr/>
          <p:nvPr>
            <p:custDataLst>
              <p:tags r:id="rId200"/>
            </p:custDataLst>
          </p:nvPr>
        </p:nvSpPr>
        <p:spPr>
          <a:xfrm>
            <a:off x="7288203" y="3954022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5" name="OTLSHAPE_SLA_ffeee3fe19784d95bf55a2ae406979c4_Shape">
            <a:extLst>
              <a:ext uri="{FF2B5EF4-FFF2-40B4-BE49-F238E27FC236}">
                <a16:creationId xmlns:a16="http://schemas.microsoft.com/office/drawing/2014/main" id="{81D50CBE-6279-432E-AA1F-B0919DBFB529}"/>
              </a:ext>
            </a:extLst>
          </p:cNvPr>
          <p:cNvSpPr/>
          <p:nvPr>
            <p:custDataLst>
              <p:tags r:id="rId201"/>
            </p:custDataLst>
          </p:nvPr>
        </p:nvSpPr>
        <p:spPr>
          <a:xfrm>
            <a:off x="7465948" y="5044021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" name="OTLSHAPE_SLA_5a3c413025964c8f9865a43798609764_Shape">
            <a:extLst>
              <a:ext uri="{FF2B5EF4-FFF2-40B4-BE49-F238E27FC236}">
                <a16:creationId xmlns:a16="http://schemas.microsoft.com/office/drawing/2014/main" id="{CA93E571-6EF6-4729-9A47-BCEDFD6C3AF9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7429674" y="5747770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" name="OTLSHAPE_SLA_56fbaba9d9d8427c939ecf2d30dda7c0_Shape">
            <a:extLst>
              <a:ext uri="{FF2B5EF4-FFF2-40B4-BE49-F238E27FC236}">
                <a16:creationId xmlns:a16="http://schemas.microsoft.com/office/drawing/2014/main" id="{D6CE897E-B4F9-40F6-94C9-19B3FE0C2A69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7288203" y="5963670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A_cdafd2db1bbc45508cf02a0cd5e54672_Title" hidden="1">
            <a:extLst>
              <a:ext uri="{FF2B5EF4-FFF2-40B4-BE49-F238E27FC236}">
                <a16:creationId xmlns:a16="http://schemas.microsoft.com/office/drawing/2014/main" id="{FF04FB2C-8A58-4A14-ABB5-42E0A7D49BA0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16" name="OTLSHAPE_SLA_cdafd2db1bbc45508cf02a0cd5e54672_Date" hidden="1">
            <a:extLst>
              <a:ext uri="{FF2B5EF4-FFF2-40B4-BE49-F238E27FC236}">
                <a16:creationId xmlns:a16="http://schemas.microsoft.com/office/drawing/2014/main" id="{DD4BBDAC-B68F-42C3-BF7F-863EBA94F012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7176624" y="23179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ug 17</a:t>
            </a:r>
          </a:p>
        </p:txBody>
      </p:sp>
      <p:sp>
        <p:nvSpPr>
          <p:cNvPr id="43" name="OTLSHAPE_SLA_404d14ce094f44cbae2c790aad10dd58_Title" hidden="1">
            <a:extLst>
              <a:ext uri="{FF2B5EF4-FFF2-40B4-BE49-F238E27FC236}">
                <a16:creationId xmlns:a16="http://schemas.microsoft.com/office/drawing/2014/main" id="{0C3F8A05-D9E6-4F6D-A96C-B0C27AE74C03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44" name="OTLSHAPE_SLA_404d14ce094f44cbae2c790aad10dd58_Date" hidden="1">
            <a:extLst>
              <a:ext uri="{FF2B5EF4-FFF2-40B4-BE49-F238E27FC236}">
                <a16:creationId xmlns:a16="http://schemas.microsoft.com/office/drawing/2014/main" id="{D5251A20-08A6-413B-8D55-AC2A31E6D8A1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7407267" y="272694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Oct 8</a:t>
            </a:r>
          </a:p>
        </p:txBody>
      </p:sp>
      <p:sp>
        <p:nvSpPr>
          <p:cNvPr id="59" name="OTLSHAPE_SLA_3b7f58e2b56440f5ba2815c189e32039_Title" hidden="1">
            <a:extLst>
              <a:ext uri="{FF2B5EF4-FFF2-40B4-BE49-F238E27FC236}">
                <a16:creationId xmlns:a16="http://schemas.microsoft.com/office/drawing/2014/main" id="{C6058D87-0E08-478F-BD30-1579DFAD7E57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60" name="OTLSHAPE_SLA_3b7f58e2b56440f5ba2815c189e32039_Date" hidden="1">
            <a:extLst>
              <a:ext uri="{FF2B5EF4-FFF2-40B4-BE49-F238E27FC236}">
                <a16:creationId xmlns:a16="http://schemas.microsoft.com/office/drawing/2014/main" id="{AECDE5D8-91BE-4E04-9B03-6B8C356A2F33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7179321" y="34052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ug 17</a:t>
            </a:r>
          </a:p>
        </p:txBody>
      </p:sp>
      <p:sp>
        <p:nvSpPr>
          <p:cNvPr id="82" name="OTLSHAPE_SLA_35ee7c0bbdb748fcb0c85b162fab81b2_Title" hidden="1">
            <a:extLst>
              <a:ext uri="{FF2B5EF4-FFF2-40B4-BE49-F238E27FC236}">
                <a16:creationId xmlns:a16="http://schemas.microsoft.com/office/drawing/2014/main" id="{71603F55-F6EA-4957-8440-0D7927452647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83" name="OTLSHAPE_SLA_35ee7c0bbdb748fcb0c85b162fab81b2_Date" hidden="1">
            <a:extLst>
              <a:ext uri="{FF2B5EF4-FFF2-40B4-BE49-F238E27FC236}">
                <a16:creationId xmlns:a16="http://schemas.microsoft.com/office/drawing/2014/main" id="{EB1A7D71-7AE6-4033-A677-94B6213ECF9F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7179321" y="38397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ug 17</a:t>
            </a:r>
          </a:p>
        </p:txBody>
      </p:sp>
      <p:sp>
        <p:nvSpPr>
          <p:cNvPr id="91" name="OTLSHAPE_SLA_69667f5ebaab45d6a746a478153e59cf_Title" hidden="1">
            <a:extLst>
              <a:ext uri="{FF2B5EF4-FFF2-40B4-BE49-F238E27FC236}">
                <a16:creationId xmlns:a16="http://schemas.microsoft.com/office/drawing/2014/main" id="{D38D588E-D67C-42AE-A573-A92E8BCA9232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92" name="OTLSHAPE_SLA_69667f5ebaab45d6a746a478153e59cf_Date" hidden="1">
            <a:extLst>
              <a:ext uri="{FF2B5EF4-FFF2-40B4-BE49-F238E27FC236}">
                <a16:creationId xmlns:a16="http://schemas.microsoft.com/office/drawing/2014/main" id="{7413AD1D-D249-43B7-B968-278E23287288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7179321" y="43249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ug 17</a:t>
            </a:r>
          </a:p>
        </p:txBody>
      </p:sp>
      <p:sp>
        <p:nvSpPr>
          <p:cNvPr id="126" name="OTLSHAPE_SLA_ffeee3fe19784d95bf55a2ae406979c4_Title" hidden="1">
            <a:extLst>
              <a:ext uri="{FF2B5EF4-FFF2-40B4-BE49-F238E27FC236}">
                <a16:creationId xmlns:a16="http://schemas.microsoft.com/office/drawing/2014/main" id="{A4A879FA-7498-4709-97C2-73FE366CB23E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127" name="OTLSHAPE_SLA_ffeee3fe19784d95bf55a2ae406979c4_Date" hidden="1">
            <a:extLst>
              <a:ext uri="{FF2B5EF4-FFF2-40B4-BE49-F238E27FC236}">
                <a16:creationId xmlns:a16="http://schemas.microsoft.com/office/drawing/2014/main" id="{B1171D36-35F9-49EC-BD36-207283CE31A3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7399083" y="56842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Oct 5</a:t>
            </a:r>
          </a:p>
        </p:txBody>
      </p:sp>
      <p:sp>
        <p:nvSpPr>
          <p:cNvPr id="148" name="OTLSHAPE_SLA_5a3c413025964c8f9865a43798609764_Title" hidden="1">
            <a:extLst>
              <a:ext uri="{FF2B5EF4-FFF2-40B4-BE49-F238E27FC236}">
                <a16:creationId xmlns:a16="http://schemas.microsoft.com/office/drawing/2014/main" id="{A15F6E00-21EC-4BF4-9580-038701A9A64C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150" name="OTLSHAPE_SLA_5a3c413025964c8f9865a43798609764_Date" hidden="1">
            <a:extLst>
              <a:ext uri="{FF2B5EF4-FFF2-40B4-BE49-F238E27FC236}">
                <a16:creationId xmlns:a16="http://schemas.microsoft.com/office/drawing/2014/main" id="{CD87199C-1362-454D-891F-7E02A8B79549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7326656" y="66573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158" name="OTLSHAPE_SLA_56fbaba9d9d8427c939ecf2d30dda7c0_Title" hidden="1">
            <a:extLst>
              <a:ext uri="{FF2B5EF4-FFF2-40B4-BE49-F238E27FC236}">
                <a16:creationId xmlns:a16="http://schemas.microsoft.com/office/drawing/2014/main" id="{F9D53172-3C03-4016-AFCC-8D984AF86A47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159" name="OTLSHAPE_SLA_56fbaba9d9d8427c939ecf2d30dda7c0_Date" hidden="1">
            <a:extLst>
              <a:ext uri="{FF2B5EF4-FFF2-40B4-BE49-F238E27FC236}">
                <a16:creationId xmlns:a16="http://schemas.microsoft.com/office/drawing/2014/main" id="{A2883420-A8E8-4B16-9984-A7EE3D861894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7179321" y="714256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ug 17</a:t>
            </a:r>
          </a:p>
        </p:txBody>
      </p:sp>
      <p:sp>
        <p:nvSpPr>
          <p:cNvPr id="368" name="Title 3">
            <a:extLst>
              <a:ext uri="{FF2B5EF4-FFF2-40B4-BE49-F238E27FC236}">
                <a16:creationId xmlns:a16="http://schemas.microsoft.com/office/drawing/2014/main" id="{3D8FB64E-DD9D-46F4-9011-18C73CC3E842}"/>
              </a:ext>
            </a:extLst>
          </p:cNvPr>
          <p:cNvSpPr txBox="1">
            <a:spLocks/>
          </p:cNvSpPr>
          <p:nvPr/>
        </p:nvSpPr>
        <p:spPr>
          <a:xfrm>
            <a:off x="857250" y="365125"/>
            <a:ext cx="10496550" cy="6363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GB" sz="2800" dirty="0">
                <a:latin typeface="Segoe UI" panose="020B0502040204020203" pitchFamily="34" charset="0"/>
                <a:cs typeface="Segoe UI" panose="020B0502040204020203" pitchFamily="34" charset="0"/>
              </a:rPr>
              <a:t>Basic Balanced Scorecard Template</a:t>
            </a:r>
            <a:endParaRPr lang="en-US" sz="28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graphicFrame>
        <p:nvGraphicFramePr>
          <p:cNvPr id="369" name="Table 6">
            <a:extLst>
              <a:ext uri="{FF2B5EF4-FFF2-40B4-BE49-F238E27FC236}">
                <a16:creationId xmlns:a16="http://schemas.microsoft.com/office/drawing/2014/main" id="{58B4EE2B-528D-42AD-A363-D64EC2EB484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9198767"/>
              </p:ext>
            </p:extLst>
          </p:nvPr>
        </p:nvGraphicFramePr>
        <p:xfrm>
          <a:off x="63499" y="1011312"/>
          <a:ext cx="12023725" cy="46482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798104">
                  <a:extLst>
                    <a:ext uri="{9D8B030D-6E8A-4147-A177-3AD203B41FA5}">
                      <a16:colId xmlns:a16="http://schemas.microsoft.com/office/drawing/2014/main" val="2644754512"/>
                    </a:ext>
                  </a:extLst>
                </a:gridCol>
                <a:gridCol w="4226876">
                  <a:extLst>
                    <a:ext uri="{9D8B030D-6E8A-4147-A177-3AD203B41FA5}">
                      <a16:colId xmlns:a16="http://schemas.microsoft.com/office/drawing/2014/main" val="1076299089"/>
                    </a:ext>
                  </a:extLst>
                </a:gridCol>
                <a:gridCol w="534115">
                  <a:extLst>
                    <a:ext uri="{9D8B030D-6E8A-4147-A177-3AD203B41FA5}">
                      <a16:colId xmlns:a16="http://schemas.microsoft.com/office/drawing/2014/main" val="1783655431"/>
                    </a:ext>
                  </a:extLst>
                </a:gridCol>
                <a:gridCol w="2145669">
                  <a:extLst>
                    <a:ext uri="{9D8B030D-6E8A-4147-A177-3AD203B41FA5}">
                      <a16:colId xmlns:a16="http://schemas.microsoft.com/office/drawing/2014/main" val="2486451901"/>
                    </a:ext>
                  </a:extLst>
                </a:gridCol>
                <a:gridCol w="791964">
                  <a:extLst>
                    <a:ext uri="{9D8B030D-6E8A-4147-A177-3AD203B41FA5}">
                      <a16:colId xmlns:a16="http://schemas.microsoft.com/office/drawing/2014/main" val="2285376843"/>
                    </a:ext>
                  </a:extLst>
                </a:gridCol>
                <a:gridCol w="2127251">
                  <a:extLst>
                    <a:ext uri="{9D8B030D-6E8A-4147-A177-3AD203B41FA5}">
                      <a16:colId xmlns:a16="http://schemas.microsoft.com/office/drawing/2014/main" val="3925461314"/>
                    </a:ext>
                  </a:extLst>
                </a:gridCol>
                <a:gridCol w="423609">
                  <a:extLst>
                    <a:ext uri="{9D8B030D-6E8A-4147-A177-3AD203B41FA5}">
                      <a16:colId xmlns:a16="http://schemas.microsoft.com/office/drawing/2014/main" val="1498120537"/>
                    </a:ext>
                  </a:extLst>
                </a:gridCol>
                <a:gridCol w="976137">
                  <a:extLst>
                    <a:ext uri="{9D8B030D-6E8A-4147-A177-3AD203B41FA5}">
                      <a16:colId xmlns:a16="http://schemas.microsoft.com/office/drawing/2014/main" val="2504559379"/>
                    </a:ext>
                  </a:extLst>
                </a:gridCol>
              </a:tblGrid>
              <a:tr h="229253">
                <a:tc gridSpan="8">
                  <a:txBody>
                    <a:bodyPr/>
                    <a:lstStyle/>
                    <a:p>
                      <a:pPr algn="ctr"/>
                      <a:r>
                        <a:rPr lang="en-GB" sz="1050" dirty="0">
                          <a:solidFill>
                            <a:schemeClr val="bg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MPANY NAME</a:t>
                      </a:r>
                      <a:endParaRPr lang="en-US" sz="1050" dirty="0">
                        <a:solidFill>
                          <a:schemeClr val="bg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0404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36555381"/>
                  </a:ext>
                </a:extLst>
              </a:tr>
              <a:tr h="208127"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DRESS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ITY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TATE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ZIP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058022562"/>
                  </a:ext>
                </a:extLst>
              </a:tr>
            </a:tbl>
          </a:graphicData>
        </a:graphic>
      </p:graphicFrame>
      <p:graphicFrame>
        <p:nvGraphicFramePr>
          <p:cNvPr id="385" name="Table 385">
            <a:extLst>
              <a:ext uri="{FF2B5EF4-FFF2-40B4-BE49-F238E27FC236}">
                <a16:creationId xmlns:a16="http://schemas.microsoft.com/office/drawing/2014/main" id="{6CB2C149-3730-4ED3-AE43-D1833F8B3C9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7790875"/>
              </p:ext>
            </p:extLst>
          </p:nvPr>
        </p:nvGraphicFramePr>
        <p:xfrm>
          <a:off x="9285299" y="2178223"/>
          <a:ext cx="2801925" cy="1065575"/>
        </p:xfrm>
        <a:graphic>
          <a:graphicData uri="http://schemas.openxmlformats.org/drawingml/2006/table">
            <a:tbl>
              <a:tblPr firstRow="1" bandRow="1"/>
              <a:tblGrid>
                <a:gridCol w="933975">
                  <a:extLst>
                    <a:ext uri="{9D8B030D-6E8A-4147-A177-3AD203B41FA5}">
                      <a16:colId xmlns:a16="http://schemas.microsoft.com/office/drawing/2014/main" val="1805661941"/>
                    </a:ext>
                  </a:extLst>
                </a:gridCol>
                <a:gridCol w="933975">
                  <a:extLst>
                    <a:ext uri="{9D8B030D-6E8A-4147-A177-3AD203B41FA5}">
                      <a16:colId xmlns:a16="http://schemas.microsoft.com/office/drawing/2014/main" val="1161540382"/>
                    </a:ext>
                  </a:extLst>
                </a:gridCol>
                <a:gridCol w="933975">
                  <a:extLst>
                    <a:ext uri="{9D8B030D-6E8A-4147-A177-3AD203B41FA5}">
                      <a16:colId xmlns:a16="http://schemas.microsoft.com/office/drawing/2014/main" val="2812713347"/>
                    </a:ext>
                  </a:extLst>
                </a:gridCol>
              </a:tblGrid>
              <a:tr h="213115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7947358"/>
                  </a:ext>
                </a:extLst>
              </a:tr>
              <a:tr h="213115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91550696"/>
                  </a:ext>
                </a:extLst>
              </a:tr>
              <a:tr h="213115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26407912"/>
                  </a:ext>
                </a:extLst>
              </a:tr>
              <a:tr h="213115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58155777"/>
                  </a:ext>
                </a:extLst>
              </a:tr>
              <a:tr h="213115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1610555"/>
                  </a:ext>
                </a:extLst>
              </a:tr>
            </a:tbl>
          </a:graphicData>
        </a:graphic>
      </p:graphicFrame>
      <p:graphicFrame>
        <p:nvGraphicFramePr>
          <p:cNvPr id="387" name="Table 385">
            <a:extLst>
              <a:ext uri="{FF2B5EF4-FFF2-40B4-BE49-F238E27FC236}">
                <a16:creationId xmlns:a16="http://schemas.microsoft.com/office/drawing/2014/main" id="{40F13835-A819-4345-9767-C44C07715D9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22689835"/>
              </p:ext>
            </p:extLst>
          </p:nvPr>
        </p:nvGraphicFramePr>
        <p:xfrm>
          <a:off x="9288818" y="3307657"/>
          <a:ext cx="2801925" cy="1050030"/>
        </p:xfrm>
        <a:graphic>
          <a:graphicData uri="http://schemas.openxmlformats.org/drawingml/2006/table">
            <a:tbl>
              <a:tblPr firstRow="1" bandRow="1"/>
              <a:tblGrid>
                <a:gridCol w="933975">
                  <a:extLst>
                    <a:ext uri="{9D8B030D-6E8A-4147-A177-3AD203B41FA5}">
                      <a16:colId xmlns:a16="http://schemas.microsoft.com/office/drawing/2014/main" val="1805661941"/>
                    </a:ext>
                  </a:extLst>
                </a:gridCol>
                <a:gridCol w="933975">
                  <a:extLst>
                    <a:ext uri="{9D8B030D-6E8A-4147-A177-3AD203B41FA5}">
                      <a16:colId xmlns:a16="http://schemas.microsoft.com/office/drawing/2014/main" val="1161540382"/>
                    </a:ext>
                  </a:extLst>
                </a:gridCol>
                <a:gridCol w="933975">
                  <a:extLst>
                    <a:ext uri="{9D8B030D-6E8A-4147-A177-3AD203B41FA5}">
                      <a16:colId xmlns:a16="http://schemas.microsoft.com/office/drawing/2014/main" val="2812713347"/>
                    </a:ext>
                  </a:extLst>
                </a:gridCol>
              </a:tblGrid>
              <a:tr h="210006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7947358"/>
                  </a:ext>
                </a:extLst>
              </a:tr>
              <a:tr h="210006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91550696"/>
                  </a:ext>
                </a:extLst>
              </a:tr>
              <a:tr h="210006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26407912"/>
                  </a:ext>
                </a:extLst>
              </a:tr>
              <a:tr h="210006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58155777"/>
                  </a:ext>
                </a:extLst>
              </a:tr>
              <a:tr h="210006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1610555"/>
                  </a:ext>
                </a:extLst>
              </a:tr>
            </a:tbl>
          </a:graphicData>
        </a:graphic>
      </p:graphicFrame>
      <p:graphicFrame>
        <p:nvGraphicFramePr>
          <p:cNvPr id="388" name="Table 385">
            <a:extLst>
              <a:ext uri="{FF2B5EF4-FFF2-40B4-BE49-F238E27FC236}">
                <a16:creationId xmlns:a16="http://schemas.microsoft.com/office/drawing/2014/main" id="{56B312B0-5294-4E92-B691-E0BE96DF91B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81784996"/>
              </p:ext>
            </p:extLst>
          </p:nvPr>
        </p:nvGraphicFramePr>
        <p:xfrm>
          <a:off x="9285298" y="4421546"/>
          <a:ext cx="2801925" cy="1026500"/>
        </p:xfrm>
        <a:graphic>
          <a:graphicData uri="http://schemas.openxmlformats.org/drawingml/2006/table">
            <a:tbl>
              <a:tblPr firstRow="1" bandRow="1"/>
              <a:tblGrid>
                <a:gridCol w="933975">
                  <a:extLst>
                    <a:ext uri="{9D8B030D-6E8A-4147-A177-3AD203B41FA5}">
                      <a16:colId xmlns:a16="http://schemas.microsoft.com/office/drawing/2014/main" val="1805661941"/>
                    </a:ext>
                  </a:extLst>
                </a:gridCol>
                <a:gridCol w="933975">
                  <a:extLst>
                    <a:ext uri="{9D8B030D-6E8A-4147-A177-3AD203B41FA5}">
                      <a16:colId xmlns:a16="http://schemas.microsoft.com/office/drawing/2014/main" val="1161540382"/>
                    </a:ext>
                  </a:extLst>
                </a:gridCol>
                <a:gridCol w="933975">
                  <a:extLst>
                    <a:ext uri="{9D8B030D-6E8A-4147-A177-3AD203B41FA5}">
                      <a16:colId xmlns:a16="http://schemas.microsoft.com/office/drawing/2014/main" val="2812713347"/>
                    </a:ext>
                  </a:extLst>
                </a:gridCol>
              </a:tblGrid>
              <a:tr h="205300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7947358"/>
                  </a:ext>
                </a:extLst>
              </a:tr>
              <a:tr h="205300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91550696"/>
                  </a:ext>
                </a:extLst>
              </a:tr>
              <a:tr h="205300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26407912"/>
                  </a:ext>
                </a:extLst>
              </a:tr>
              <a:tr h="205300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58155777"/>
                  </a:ext>
                </a:extLst>
              </a:tr>
              <a:tr h="205300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1610555"/>
                  </a:ext>
                </a:extLst>
              </a:tr>
            </a:tbl>
          </a:graphicData>
        </a:graphic>
      </p:graphicFrame>
      <p:graphicFrame>
        <p:nvGraphicFramePr>
          <p:cNvPr id="389" name="Table 385">
            <a:extLst>
              <a:ext uri="{FF2B5EF4-FFF2-40B4-BE49-F238E27FC236}">
                <a16:creationId xmlns:a16="http://schemas.microsoft.com/office/drawing/2014/main" id="{1C7158D3-D609-4042-ABC7-C6C9BE2A390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68558841"/>
              </p:ext>
            </p:extLst>
          </p:nvPr>
        </p:nvGraphicFramePr>
        <p:xfrm>
          <a:off x="9285298" y="5516545"/>
          <a:ext cx="2801925" cy="1049275"/>
        </p:xfrm>
        <a:graphic>
          <a:graphicData uri="http://schemas.openxmlformats.org/drawingml/2006/table">
            <a:tbl>
              <a:tblPr firstRow="1" bandRow="1"/>
              <a:tblGrid>
                <a:gridCol w="933975">
                  <a:extLst>
                    <a:ext uri="{9D8B030D-6E8A-4147-A177-3AD203B41FA5}">
                      <a16:colId xmlns:a16="http://schemas.microsoft.com/office/drawing/2014/main" val="1805661941"/>
                    </a:ext>
                  </a:extLst>
                </a:gridCol>
                <a:gridCol w="933975">
                  <a:extLst>
                    <a:ext uri="{9D8B030D-6E8A-4147-A177-3AD203B41FA5}">
                      <a16:colId xmlns:a16="http://schemas.microsoft.com/office/drawing/2014/main" val="1161540382"/>
                    </a:ext>
                  </a:extLst>
                </a:gridCol>
                <a:gridCol w="933975">
                  <a:extLst>
                    <a:ext uri="{9D8B030D-6E8A-4147-A177-3AD203B41FA5}">
                      <a16:colId xmlns:a16="http://schemas.microsoft.com/office/drawing/2014/main" val="2812713347"/>
                    </a:ext>
                  </a:extLst>
                </a:gridCol>
              </a:tblGrid>
              <a:tr h="209855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7947358"/>
                  </a:ext>
                </a:extLst>
              </a:tr>
              <a:tr h="209855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91550696"/>
                  </a:ext>
                </a:extLst>
              </a:tr>
              <a:tr h="209855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26407912"/>
                  </a:ext>
                </a:extLst>
              </a:tr>
              <a:tr h="209855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58155777"/>
                  </a:ext>
                </a:extLst>
              </a:tr>
              <a:tr h="209855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36000" marR="36000" marT="36000" marB="36000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1610555"/>
                  </a:ext>
                </a:extLst>
              </a:tr>
            </a:tbl>
          </a:graphicData>
        </a:graphic>
      </p:graphicFrame>
      <p:graphicFrame>
        <p:nvGraphicFramePr>
          <p:cNvPr id="390" name="Table 390">
            <a:extLst>
              <a:ext uri="{FF2B5EF4-FFF2-40B4-BE49-F238E27FC236}">
                <a16:creationId xmlns:a16="http://schemas.microsoft.com/office/drawing/2014/main" id="{6B1E4004-C836-4266-848A-4223AC79A57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8468853"/>
              </p:ext>
            </p:extLst>
          </p:nvPr>
        </p:nvGraphicFramePr>
        <p:xfrm>
          <a:off x="9282875" y="1594023"/>
          <a:ext cx="2801925" cy="370840"/>
        </p:xfrm>
        <a:graphic>
          <a:graphicData uri="http://schemas.openxmlformats.org/drawingml/2006/table">
            <a:tbl>
              <a:tblPr firstRow="1" bandRow="1"/>
              <a:tblGrid>
                <a:gridCol w="933975">
                  <a:extLst>
                    <a:ext uri="{9D8B030D-6E8A-4147-A177-3AD203B41FA5}">
                      <a16:colId xmlns:a16="http://schemas.microsoft.com/office/drawing/2014/main" val="2602942643"/>
                    </a:ext>
                  </a:extLst>
                </a:gridCol>
                <a:gridCol w="933975">
                  <a:extLst>
                    <a:ext uri="{9D8B030D-6E8A-4147-A177-3AD203B41FA5}">
                      <a16:colId xmlns:a16="http://schemas.microsoft.com/office/drawing/2014/main" val="3047551458"/>
                    </a:ext>
                  </a:extLst>
                </a:gridCol>
                <a:gridCol w="933975">
                  <a:extLst>
                    <a:ext uri="{9D8B030D-6E8A-4147-A177-3AD203B41FA5}">
                      <a16:colId xmlns:a16="http://schemas.microsoft.com/office/drawing/2014/main" val="256309133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sz="1200" dirty="0">
                          <a:solidFill>
                            <a:schemeClr val="bg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easures</a:t>
                      </a:r>
                      <a:endParaRPr lang="en-US" sz="1200" dirty="0">
                        <a:solidFill>
                          <a:schemeClr val="bg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40404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2F2F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40404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40404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0404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>
                          <a:solidFill>
                            <a:schemeClr val="bg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s</a:t>
                      </a:r>
                      <a:endParaRPr lang="en-US" sz="1200" dirty="0">
                        <a:solidFill>
                          <a:schemeClr val="bg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F2F2F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2F2F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40404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40404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0404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>
                          <a:solidFill>
                            <a:schemeClr val="bg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itiatives</a:t>
                      </a:r>
                      <a:endParaRPr lang="en-US" sz="1200" dirty="0">
                        <a:solidFill>
                          <a:schemeClr val="bg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F2F2F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0404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40404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40404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0404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78785445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69132444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C0wOC0xN1QwNjowOD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I1NCwiRyI6MTg2LCJCIjoxMH19LCJMaW5lV2VpZ2h0IjoxLjAsIkxpbmVUeXBlIjowLCJQYXJlbnRTdHlsZSI6bnVsbH0sIklzQmVsb3dUaW1lYmFuZCI6dHJ1ZSwiUG9zaXRpb25PblRhc2siOjMsIkhpZGVEYXRlIjpmYWxzZSwiU2hhcGVTaXplIjowLCJTcGFjaW5nIjox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U0LCJHIjoxODYsIkIiOjEwfX0sIklzVmlzaWJsZSI6dHJ1ZSwiV2lkdGgiOjEyLjAsIkhlaWdodCI6MTQ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VGl0bGVTdHlsZSI6eyIkaWQiOiIyMSIsIkZvbnRTZXR0aW5ncyI6eyIkaWQiOiIyMiIsIkZvbnRTaXplIjoxMSwiRm9udE5hbWUiOiJDYWxpYnJpIiwiSXNCb2xkIjp0cnVlLCJJc0l0YWxpYyI6ZmFsc2UsIklzVW5kZXJsaW5lZCI6ZmFsc2UsIlBhcmVudFN0eWxlIjpudWxsfSwiQXV0b1NpemUiOjAsIkZvcmVncm91bmQiOnsiJGlkIjoiMjMiLCJDb2xvciI6eyIkaWQiOiI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mZhbHNlLCJXaWR0aCI6MC4wLCJIZWlnaHQiOjAuMCwiQm9yZGVyU3R5bGUiOnsiJGlkIjoiMjkiLCJMaW5lQ29sb3IiOm51bGwsIkxpbmVXZWlnaHQiOjAuMCwiTGluZVR5cGUiOjAsIlBhcmVudFN0eWxlIjpudWxsfSwiUGFyZW50U3R5bGUiOm51bGx9LCJEYXRlU3R5bGUiOnsiJGlkIjoiMzAiLCJGb250U2V0dGluZ3MiOnsiJGlkIjoiMzEiLCJGb250U2l6ZSI6MTAsIkZvbnROYW1lIjoiQ2FsaWJyaSIsIklzQm9sZCI6ZmFsc2UsIklzSXRhbGljIjpmYWxzZSwiSXNVbmRlcmxpbmVkIjpmYWxzZSwiUGFyZW50U3R5bGUiOm51bGx9LCJBdXRvU2l6ZSI6MCwiRm9yZWdyb3VuZCI6eyIkaWQiOiIzMiIsIkNvbG9yIjp7IiRpZCI6IjM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pZCI6IjM3IiwiQSI6MCwiUiI6MjU1LCJHIjoyNTUsIkIiOjI1NX19LCJJc1Zpc2libGUiOmZhbHN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4MSIsIlRvcCI6MC4wLCJMZWZ0IjowLjAsIlJpZ2h0IjowLjAsIkJvdHRvbSI6MC4wfSwiUGFkZGluZyI6eyIkaWQiOiI4MiIsIlRvcCI6MC4wLCJMZWZ0IjowLjAsIlJpZ2h0IjowLjAsIkJvdHRvbSI6MC4wfSwiQmFja2dyb3VuZCI6eyIkaWQiOiI4MyIsIkNvbG9yIjp7IiRpZCI6Ijg0IiwiQSI6MCwiUiI6MjU1LCJHIjoyNTUsIkIiOjI1NX19LCJJc1Zpc2libGUiOnRydWUsIldpZHRoIjowLjAsIkhlaWdodCI6MC4wLCJCb3JkZXJTdHlsZSI6eyIkaWQiOiI4NSIsIkxpbmVDb2xvciI6bnVsbCwiTGluZVdlaWdodCI6MC4wLCJMaW5lVHlwZSI6MCwiUGFyZW50U3R5bGUiOm51bGx9LCJQYXJlbnRTdHlsZSI6bnVsbH0sIkRh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4OSwiUiI6MCwiRyI6MCwiQiI6MH19LCJJc1Zpc2libGUiOnRydWUsIldpZHRoIjowLjAsIkhlaWdodCI6MC4wLCJCb3JkZXJTdHlsZSI6eyIkaWQiOiI5NCIsIkxpbmVDb2xvciI6bnVsbCwiTGluZVdlaWdodCI6MC4wLCJMaW5lVHlwZSI6MCwiUGFyZW50U3R5bGUiOm51bGx9LCJQYXJlbnRTdHlsZSI6bnVsbH0sIkRhdGVGb3JtYXQiOnsiJGlkIjoi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GlkIjoiMTYzIiwiQ29sb3IiOnsiJGlkIjoiMTY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yZWYiOiIyMjYifSwiSXNWaXNpYmxlIjp0cnVlLCJXaWR0aCI6MC4wLCJIZWlnaHQiOjAuMCwiQm9yZGVyU3R5bGUiOnsiJGlkIjoiMjc2IiwiTGluZUNvbG9yIjpudWxsLCJMaW5lV2VpZ2h0IjowLjAsIkxpbmVUeXBlIjowLCJQYXJlbnRTdHlsZSI6bnVsbH0sIlBhcmVudFN0eWxlIjpudWxsfSwiRGF0ZUZvcm1hdCI6eyIkaWQiOiIy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DgyIiwiVG9wIjowLjAsIkxlZnQiOjAuMCwiUmlnaHQiOjAuMCwiQm90dG9tIjowLjB9LCJQYWRkaW5nIjp7IiRpZCI6IjQ4MyIsIlRvcCI6MC4wLCJMZWZ0IjowLjAsIlJpZ2h0IjowLjAsIkJvdHRvbSI6MC4wfSwiQmFja2dyb3VuZCI6eyIkaWQiOiI0ODQiLCJDb2xvciI6eyIkaWQiOiI0ODUiLCJBIjowLCJSIjoyNTUsIkciOjI1NSwiQiI6MjU1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HJlZiI6IjY0In0sIkxpbmVXZWlnaHQiOjEuMCwiTGluZVR5cGUiOjAsIlBhcmVudFN0eWxlIjpudWxsfSwiVmVydGljYWxDb25uZWN0b3JTdHlsZSI6eyIkaWQiOiI0ODgiLCJMaW5lQ29sb3IiOnsiJHJlZiI6IjY3In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jA3IiwiQ29sb3IiOnsiJGlkIjoiNjA4IiwiQSI6MCwiUiI6MjU1LCJHIjoyNTUsIkIiOjI1NX19LCJJc1Zpc2libGUiOmZhbHNlLCJXaWR0aCI6MC4wLCJIZWlnaHQiOjAuMCwiQm9yZGVyU3R5bGUiOnsiJGlkIjoiNjA5IiwiTGluZUNvbG9yIjpudWxsLCJMaW5lV2VpZ2h0IjowLjAsIkxpbmVUeXBlIjowLCJQYXJlbnRTdHlsZSI6bnVsbH0sIlBhcmVudFN0eWxlIjpudWxsfSwiRGF0ZV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OTQxIiwiQ29sb3IiOnsiJGlkIjoiOTQyIiwiQSI6MCwiUiI6MjU1LCJHIjoyNTUsIkIiOjI1NX19LCJJc1Zpc2libGUiOmZhbHNlLCJXaWR0aCI6MC4wLCJIZWlnaHQiOjAuMCwiQm9yZGVyU3R5bGUiOnsiJGlkIjoiOTQzIiwiTGluZUNvbG9yIjpudWxsLCJMaW5lV2VpZ2h0IjowLjAsIkxpbmVUeXBlIjowLCJQYXJlbnRTdHlsZSI6bnVsbH0sIlBhcmVudFN0eWxlIjpudWxsfSwiRGF0ZUZvcm1hdCI6eyIkaWQiOiI5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xMTg1IiwiQ29sb3IiOnsiJGlkIjoiMTE4NiIsIkEiOjAsIlIiOjI1NSwiRyI6MjU1LCJCIjoyNTV9fSwiSXNWaXNpYmxlIjpmYWxzZSwiV2lkdGgiOjAuMCwiSGVpZ2h0IjowLjAsIkJvcmRlclN0eWxlIjp7IiRpZCI6IjExODciLCJMaW5lQ29sb3IiOm51bGwsIkxpbmVXZWlnaHQiOjAuMCwiTGluZVR5cGUiOjAsIlBhcmVudFN0eWxlIjpudWxsfSwiUGFyZW50U3R5bGUiOm51bGx9LCJEYXRlRm9ybWF0Ijp7IiRpZCI6IjEx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xMjY1IiwiQ29sb3IiOnsiJGlkIjoiMTI2NiIsIkEiOjAsIlIiOjI1NSwiRyI6MjU1LCJCIjoyNTV9fSwiSXNWaXNpYmxlIjpmYWxzZSwiV2lkdGgiOjAuMCwiSGVpZ2h0IjowLjAsIkJvcmRlclN0eWxlIjp7IiRpZCI6IjEyNjciLCJMaW5lQ29sb3IiOm51bGwsIkxpbmVXZWlnaHQiOjAuMCwiTGluZVR5cGUiOjAsIlBhcmVudFN0eWxlIjpudWxsfSwiUGFyZW50U3R5bGUiOm51bGx9LCJEY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EyNzIiLCJDb2xvciI6eyIkaWQiOiIxMjczIiwiQSI6MCwiUiI6MjU1LCJHIjoyNTUsIkIiOjI1NX19LCJJc1Zpc2libGUiOmZhbHNlLCJXaWR0aCI6MC4wLCJIZWlnaHQiOjAuMCwiQm9yZGVyU3R5bGUiOnsiJGlkIjoiMTI3NCIsIkxpbmVDb2xvciI6bnVsbCwiTGluZVdlaWdodCI6MC4wLCJMaW5lVHlwZSI6MCwiUGFyZW50U3R5bGUiOm51bGx9LCJQYXJlbnRTdHlsZSI6bnVsbH0sIkRhdGVGb3JtYXQiOnsiJGlkIjoiMTI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U2NyIsIkNvbG9yIjp7IiRyZWYiOiIyMjcifX0sIklzVmlzaWJsZSI6dHJ1ZSwiV2lkdGgiOjAuMCwiSGVpZ2h0IjowLjAsIkJvcmRlclN0eWxlIjpudWxsLCJQYXJlbnRTdHlsZSI6bnVsbH0sIkRhdGVTdHlsZSI6eyIkaWQiOiIxNTY4IiwiRm9udFNldHRpbmdzIjp7IiRpZCI6IjE1NjkiLCJGb250U2l6ZSI6MTAsIkZvbnROYW1lIjoiQ2FsaWJyaSIsIklzQm9sZCI6ZmFsc2UsIklzSXRhbGljIjpmYWxzZSwiSXNVbmRlcmxpbmVkIjpmYWxzZSwiUGFyZW50U3R5bGUiOm51bGx9LCJBdXRvU2l6ZSI6MCwiRm9yZWdyb3VuZCI6eyIkaWQiOiIxNTcwIiwiQ29sb3IiOnsiJGlkIjoiMTU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In0sIlBhZGRpbmciOnsiJHJlZiI6IjM1In0sIkJhY2tncm91bmQiOnsiJGlkIjoiMTU3MiIsIkNvbG9yIjp7IiRyZWYiOiIyMjcifX0sIklzVmlzaWJsZSI6ZmFsc2UsIldpZHRoIjowLjAsIkhlaWdodCI6MC4wLCJCb3JkZXJTdHlsZSI6bnVsbCwiUGFyZW50U3R5bGUiOm51bGx9LCJEYXRlRm9ybWF0Ijp7IiRpZCI6IjE1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TMiLCJGb3JtYXQiOjAsIklzVmlzaWJsZSI6ZmFsc2UsIkxhc3RLbm93blZpc2liaWxpdHlTdGF0ZSI6ZmFsc2V9LCJJc1Zpc2libGUiOnRydWUsIlBhcmVudFN0eWxlIjpudWxsLCJfZXhwbGljaXRseVNldCI6eyIkaWQiOiIxNjE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fSwiU2V0dGluZ3MiOnsiJGlkIjoiMTY1NyIsIkltcGFPcHRpb25zIjp7IiRpZCI6IjE2N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jU5IiwiVXNlVGltZSI6ZmFsc2UsIldvcmtEYXlTdGFydCI6IjAwOjAwOjAwIiwiV29ya0RheUVuZCI6IjIzOjU5OjAwIn0sIkxhc3RVc2VkVGVtcGxhdGVJZCI6IjcwOWIzNTQ5LTQ5YTAtNGU1OC1iYTU3LWZkYjkxODkzYjY0O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08-31T23:59:00.0000000"/>
  <p:tag name="OTLPERCENTAGE" val="85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19-08-17T12:58:00.0000000"/>
  <p:tag name="OTLPERCENTAGE" val="70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0-08-17T06:08:00.0000000"/>
  <p:tag name="OTLPOSITIONONTASK" val="Center"/>
  <p:tag name="OTLRELATEDTASKID" val="3580d92d-412d-47d6-b401-3adca7a1ed9b"/>
  <p:tag name="OTLWEEKNUMBERINGFORMAT" val="WNFormat1"/>
  <p:tag name="OTLWEEKNUMBERINGISVISIBLE" val="False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0-10-08T06:08:00.0000000"/>
  <p:tag name="OTLPOSITIONONTASK" val="Center"/>
  <p:tag name="OTLRELATEDTASKID" val="b6863b14-cf4b-4d9d-971d-476ca554bf44"/>
  <p:tag name="OTLWEEKNUMBERINGFORMAT" val="WNFormat1"/>
  <p:tag name="OTLWEEKNUMBERINGISVISIBLE" val="False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0-08-17T23:59:00.0000000"/>
  <p:tag name="OTLPOSITIONONTASK" val="Center"/>
  <p:tag name="OTLRELATEDTASKID" val="b52a71de-9e28-4a89-8fb1-3a5b640a6128"/>
  <p:tag name="OTLWEEKNUMBERINGFORMAT" val="WNFormat1"/>
  <p:tag name="OTLWEEKNUMBERINGISVISIBLE" val="False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0-08-17T23:59:00.0000000"/>
  <p:tag name="OTLPOSITIONONTASK" val="Center"/>
  <p:tag name="OTLRELATEDTASKID" val="e0540253-52ee-4732-96d4-21b355167880"/>
  <p:tag name="OTLWEEKNUMBERINGFORMAT" val="WNFormat1"/>
  <p:tag name="OTLWEEKNUMBERINGISVISIBLE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10-22T23:09:00.0000000"/>
  <p:tag name="OTLPERCENTAGE" val="90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0-08-17T23:59:00.0000000"/>
  <p:tag name="OTLPOSITIONONTASK" val="Center"/>
  <p:tag name="OTLRELATEDTASKID" val="a27df8b1-9cc8-4ad2-b1f4-444e609f8160"/>
  <p:tag name="OTLWEEKNUMBERINGFORMAT" val="WNFormat1"/>
  <p:tag name="OTLWEEKNUMBERINGISVISIBLE" val="False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0-10-05T23:59:00.0000000"/>
  <p:tag name="OTLPOSITIONONTASK" val="Center"/>
  <p:tag name="OTLRELATEDTASKID" val="5bdc4721-d129-46b5-ae1b-09cbd9c56642"/>
  <p:tag name="OTLWEEKNUMBERINGFORMAT" val="WNFormat1"/>
  <p:tag name="OTLWEEKNUMBERINGISVISIBLE" val="False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0-09-25T23:59:00.0000000"/>
  <p:tag name="OTLPOSITIONONTASK" val="Center"/>
  <p:tag name="OTLRELATEDTASKID" val="bf77435a-4251-4a5c-90eb-613f973a4fc5"/>
  <p:tag name="OTLWEEKNUMBERINGFORMAT" val="WNFormat1"/>
  <p:tag name="OTLWEEKNUMBERINGISVISIBLE" val="False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0-08-17T23:59:00.0000000"/>
  <p:tag name="OTLPOSITIONONTASK" val="Center"/>
  <p:tag name="OTLRELATEDTASKID" val="57e4e667-fbbb-4eed-8dcf-ee89e033715f"/>
  <p:tag name="OTLWEEKNUMBERINGFORMAT" val="WNFormat1"/>
  <p:tag name="OTLWEEKNUMBERINGISVISIBLE" val="False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01-13T00:17:00.0000000"/>
  <p:tag name="OTLPERCENTAGE" val="60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08-31T23:59:00.0000000"/>
  <p:tag name="OTLPERCENTAGE" val="97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08-31T23:59:00.0000000"/>
  <p:tag name="OTLPERCENTAGE" val="90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12-10T05:14:00.0000000"/>
  <p:tag name="OTLPERCENTAGE" val="98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08-31T23:59:00.0000000"/>
  <p:tag name="OTLPERCENTAGE" val="85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08-31T23:59:00.0000000"/>
  <p:tag name="OTLPERCENTAGE" val="85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10-17T09:31:00.0000000"/>
  <p:tag name="OTLPERCENTAGE" val="90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08-31T23:59:00.0000000"/>
  <p:tag name="OTLPERCENTAGE" val="75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02-24T16:45:00.0000000"/>
  <p:tag name="OTLPERCENTAGE" val="55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10-13T16:26:00.0000000"/>
  <p:tag name="OTLPERCENTAGE" val="85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10-24T19:41:00.0000000"/>
  <p:tag name="OTLPERCENTAGE" val="85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08-31T23:59:00.0000000"/>
  <p:tag name="OTLPERCENTAGE" val="70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08-31T23:59:00.0000000"/>
  <p:tag name="OTLPERCENTAGE" val="60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6-01T00:00:00.0000000Z"/>
  <p:tag name="OTLENDDATE" val="2020-10-09T23:21:00.0000000"/>
  <p:tag name="OTLPERCENTAGE" val="92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3-01T21:04:00.0000000"/>
  <p:tag name="OTLENDDATE" val="2020-08-31T23:59:00.0000000"/>
  <p:tag name="OTLPERCENTAGE" val="85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8-02T13:56:00.0000000"/>
  <p:tag name="OTLENDDATE" val="2021-04-01T19:05:00.0000000"/>
  <p:tag name="OTLPERCENTAGE" val="80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8-05T09:53:00.0000000"/>
  <p:tag name="OTLENDDATE" val="2021-01-09T06:08:00.0000000"/>
  <p:tag name="OTLPERCENTAGE" val="75"/>
  <p:tag name="OTLDURATIONFORMAT" val="year"/>
  <p:tag name="OTLSPACING" val="3"/>
  <p:tag name="OTLSHAPETHICKNESSTYPE" val="Thin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2016-01-01T00:00:00.0000000"/>
  <p:tag name="OTLTIMEBANDENDDATE" val="2021-06-30T05:14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23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ectangleTimeband"/>
  <p:tag name="OTLTIMEBANDSHAPEHEIGHT" val="30"/>
  <p:tag name="OTLTIMEBANDSHAPEPADDINGLEFT" val="0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33</Words>
  <Application>Microsoft Office PowerPoint</Application>
  <PresentationFormat>Widescreen</PresentationFormat>
  <Paragraphs>18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9-21T12:19:54Z</dcterms:created>
  <dcterms:modified xsi:type="dcterms:W3CDTF">2022-06-29T13:44:52Z</dcterms:modified>
</cp:coreProperties>
</file>